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801"/>
  <workbookPr updateLinks="never"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603019631\Desktop\2305_通常更新\【人事部】202305\リネーム済み_リンクデータ\第2ターム\"/>
    </mc:Choice>
  </mc:AlternateContent>
  <xr:revisionPtr revIDLastSave="0" documentId="13_ncr:1_{3D85437B-FD6C-4F39-B70C-16603CF2C4B0}" xr6:coauthVersionLast="46" xr6:coauthVersionMax="46" xr10:uidLastSave="{00000000-0000-0000-0000-000000000000}"/>
  <bookViews>
    <workbookView xWindow="2340" yWindow="-13620" windowWidth="24240" windowHeight="13140" tabRatio="622" xr2:uid="{00000000-000D-0000-FFFF-FFFF00000000}"/>
  </bookViews>
  <sheets>
    <sheet name="技術職 第2ターム" sheetId="6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</externalReferences>
  <definedNames>
    <definedName name="_xlnm._FilterDatabase" localSheetId="0" hidden="1">'技術職 第2ターム'!$A$2:$Y$59</definedName>
    <definedName name="_xlnm.Print_Area" localSheetId="0">'技術職 第2ターム'!$A$1:$Y$5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59" i="6" l="1"/>
  <c r="I59" i="6"/>
  <c r="L58" i="6"/>
  <c r="I58" i="6"/>
  <c r="L57" i="6" l="1"/>
  <c r="I57" i="6"/>
  <c r="L54" i="6" l="1"/>
  <c r="I54" i="6"/>
  <c r="L53" i="6" l="1"/>
  <c r="L52" i="6"/>
  <c r="L51" i="6"/>
  <c r="L50" i="6"/>
  <c r="L49" i="6"/>
  <c r="L48" i="6"/>
  <c r="L35" i="6" l="1"/>
  <c r="I35" i="6"/>
  <c r="L34" i="6"/>
  <c r="I34" i="6"/>
  <c r="L33" i="6"/>
  <c r="I33" i="6"/>
  <c r="L32" i="6"/>
  <c r="I32" i="6"/>
  <c r="L29" i="6" l="1"/>
  <c r="I29" i="6"/>
  <c r="L28" i="6"/>
  <c r="I28" i="6"/>
  <c r="L27" i="6"/>
  <c r="I27" i="6"/>
  <c r="L26" i="6"/>
  <c r="I26" i="6"/>
  <c r="L25" i="6" l="1"/>
  <c r="I25" i="6"/>
  <c r="L24" i="6"/>
  <c r="I24" i="6"/>
  <c r="L23" i="6"/>
  <c r="I23" i="6"/>
  <c r="L22" i="6"/>
  <c r="I22" i="6"/>
  <c r="L21" i="6"/>
  <c r="I21" i="6"/>
  <c r="L20" i="6"/>
  <c r="I20" i="6"/>
  <c r="L19" i="6"/>
  <c r="I19" i="6"/>
  <c r="L18" i="6"/>
  <c r="I18" i="6"/>
  <c r="L17" i="6"/>
  <c r="I17" i="6"/>
  <c r="L16" i="6"/>
  <c r="I16" i="6"/>
  <c r="L15" i="6"/>
  <c r="I15" i="6"/>
</calcChain>
</file>

<file path=xl/sharedStrings.xml><?xml version="1.0" encoding="utf-8"?>
<sst xmlns="http://schemas.openxmlformats.org/spreadsheetml/2006/main" count="953" uniqueCount="288">
  <si>
    <t>ポスト№</t>
  </si>
  <si>
    <t>行政分野</t>
    <rPh sb="0" eb="2">
      <t>ギョウセイ</t>
    </rPh>
    <rPh sb="2" eb="4">
      <t>ブンヤ</t>
    </rPh>
    <phoneticPr fontId="3"/>
  </si>
  <si>
    <t>局名</t>
    <rPh sb="0" eb="1">
      <t>キョク</t>
    </rPh>
    <rPh sb="1" eb="2">
      <t>メイ</t>
    </rPh>
    <phoneticPr fontId="3"/>
  </si>
  <si>
    <t>実習部署名</t>
    <rPh sb="0" eb="2">
      <t>ジッシュウ</t>
    </rPh>
    <rPh sb="2" eb="4">
      <t>ブショ</t>
    </rPh>
    <rPh sb="4" eb="5">
      <t>メイ</t>
    </rPh>
    <phoneticPr fontId="3"/>
  </si>
  <si>
    <t>文理</t>
    <rPh sb="0" eb="2">
      <t>ブンリ</t>
    </rPh>
    <phoneticPr fontId="3"/>
  </si>
  <si>
    <t>職種</t>
    <rPh sb="0" eb="2">
      <t>ショクシュ</t>
    </rPh>
    <phoneticPr fontId="3"/>
  </si>
  <si>
    <t>人数</t>
    <rPh sb="0" eb="2">
      <t>ニンズウ</t>
    </rPh>
    <phoneticPr fontId="3"/>
  </si>
  <si>
    <t>開始日</t>
    <rPh sb="0" eb="2">
      <t>カイシ</t>
    </rPh>
    <rPh sb="2" eb="3">
      <t>ヒ</t>
    </rPh>
    <phoneticPr fontId="3"/>
  </si>
  <si>
    <t>終了日</t>
    <rPh sb="0" eb="2">
      <t>シュウリョウ</t>
    </rPh>
    <rPh sb="2" eb="3">
      <t>ヒ</t>
    </rPh>
    <phoneticPr fontId="3"/>
  </si>
  <si>
    <t>日数</t>
    <rPh sb="0" eb="2">
      <t>ニッスウ</t>
    </rPh>
    <phoneticPr fontId="3"/>
  </si>
  <si>
    <t>実習日備考欄</t>
    <rPh sb="0" eb="2">
      <t>ジッシュウ</t>
    </rPh>
    <rPh sb="2" eb="3">
      <t>ヒ</t>
    </rPh>
    <rPh sb="3" eb="5">
      <t>ビコウ</t>
    </rPh>
    <rPh sb="5" eb="6">
      <t>ラン</t>
    </rPh>
    <phoneticPr fontId="3"/>
  </si>
  <si>
    <t>実習時間備考欄</t>
    <rPh sb="0" eb="2">
      <t>ジッシュウ</t>
    </rPh>
    <rPh sb="2" eb="4">
      <t>ジカン</t>
    </rPh>
    <rPh sb="4" eb="6">
      <t>ビコウ</t>
    </rPh>
    <rPh sb="6" eb="7">
      <t>ラン</t>
    </rPh>
    <phoneticPr fontId="3"/>
  </si>
  <si>
    <t>実習場所</t>
    <rPh sb="0" eb="2">
      <t>ジッシュウ</t>
    </rPh>
    <rPh sb="2" eb="4">
      <t>バショ</t>
    </rPh>
    <phoneticPr fontId="3"/>
  </si>
  <si>
    <t>専攻分野</t>
    <rPh sb="0" eb="2">
      <t>センコウ</t>
    </rPh>
    <rPh sb="2" eb="4">
      <t>ブンヤ</t>
    </rPh>
    <phoneticPr fontId="3"/>
  </si>
  <si>
    <t>その他受入条件等</t>
    <rPh sb="2" eb="3">
      <t>タ</t>
    </rPh>
    <rPh sb="3" eb="5">
      <t>ウケイレ</t>
    </rPh>
    <rPh sb="5" eb="7">
      <t>ジョウケン</t>
    </rPh>
    <rPh sb="7" eb="8">
      <t>トウ</t>
    </rPh>
    <phoneticPr fontId="3"/>
  </si>
  <si>
    <t>財政・税務</t>
    <rPh sb="0" eb="2">
      <t>ザイセイ</t>
    </rPh>
    <rPh sb="3" eb="5">
      <t>ゼイム</t>
    </rPh>
    <phoneticPr fontId="3"/>
  </si>
  <si>
    <t>不問</t>
    <rPh sb="0" eb="2">
      <t>フモン</t>
    </rPh>
    <phoneticPr fontId="3"/>
  </si>
  <si>
    <t>～</t>
  </si>
  <si>
    <t>○</t>
  </si>
  <si>
    <t>実習内容</t>
    <rPh sb="0" eb="2">
      <t>ジッシュウ</t>
    </rPh>
    <rPh sb="2" eb="4">
      <t>ナイヨウ</t>
    </rPh>
    <phoneticPr fontId="3"/>
  </si>
  <si>
    <t>都市づくり</t>
    <rPh sb="0" eb="2">
      <t>トシ</t>
    </rPh>
    <phoneticPr fontId="3"/>
  </si>
  <si>
    <t>理系</t>
    <rPh sb="0" eb="2">
      <t>リケイ</t>
    </rPh>
    <phoneticPr fontId="3"/>
  </si>
  <si>
    <t>土木</t>
    <rPh sb="0" eb="2">
      <t>ドボク</t>
    </rPh>
    <phoneticPr fontId="3"/>
  </si>
  <si>
    <t>～</t>
    <phoneticPr fontId="3"/>
  </si>
  <si>
    <t>土木工学</t>
    <rPh sb="0" eb="2">
      <t>ドボク</t>
    </rPh>
    <rPh sb="2" eb="4">
      <t>コウガク</t>
    </rPh>
    <phoneticPr fontId="3"/>
  </si>
  <si>
    <t>土木工学</t>
    <rPh sb="0" eb="4">
      <t>ドボクコウガク</t>
    </rPh>
    <phoneticPr fontId="3"/>
  </si>
  <si>
    <t>工事中の現場内調査あり
Word:初級以上
Excel:初級以上</t>
    <rPh sb="0" eb="2">
      <t>コウジ</t>
    </rPh>
    <rPh sb="2" eb="3">
      <t>ナカ</t>
    </rPh>
    <rPh sb="4" eb="6">
      <t>ゲンバ</t>
    </rPh>
    <rPh sb="6" eb="7">
      <t>ナイ</t>
    </rPh>
    <rPh sb="7" eb="9">
      <t>チョウサ</t>
    </rPh>
    <rPh sb="17" eb="19">
      <t>ショキュウ</t>
    </rPh>
    <rPh sb="19" eb="21">
      <t>イジョウ</t>
    </rPh>
    <rPh sb="28" eb="30">
      <t>ショキュウ</t>
    </rPh>
    <rPh sb="30" eb="32">
      <t>イジョウ</t>
    </rPh>
    <phoneticPr fontId="3"/>
  </si>
  <si>
    <t>道路・河川の整備及び管理業務に伴う住民対応等に係る資料の作成、現場調査等</t>
    <rPh sb="0" eb="2">
      <t>ドウロ</t>
    </rPh>
    <rPh sb="3" eb="5">
      <t>カセン</t>
    </rPh>
    <rPh sb="6" eb="8">
      <t>セイビ</t>
    </rPh>
    <rPh sb="8" eb="9">
      <t>オヨ</t>
    </rPh>
    <rPh sb="10" eb="12">
      <t>カンリ</t>
    </rPh>
    <rPh sb="12" eb="14">
      <t>ギョウム</t>
    </rPh>
    <rPh sb="15" eb="16">
      <t>トモナ</t>
    </rPh>
    <rPh sb="17" eb="19">
      <t>ジュウミン</t>
    </rPh>
    <rPh sb="19" eb="21">
      <t>タイオウ</t>
    </rPh>
    <rPh sb="21" eb="22">
      <t>トウ</t>
    </rPh>
    <rPh sb="23" eb="24">
      <t>カカ</t>
    </rPh>
    <rPh sb="25" eb="27">
      <t>シリョウ</t>
    </rPh>
    <rPh sb="28" eb="30">
      <t>サクセイ</t>
    </rPh>
    <rPh sb="31" eb="33">
      <t>ゲンバ</t>
    </rPh>
    <rPh sb="33" eb="35">
      <t>チョウサ</t>
    </rPh>
    <rPh sb="35" eb="36">
      <t>トウ</t>
    </rPh>
    <phoneticPr fontId="6"/>
  </si>
  <si>
    <t>その他</t>
    <rPh sb="2" eb="3">
      <t>タ</t>
    </rPh>
    <phoneticPr fontId="3"/>
  </si>
  <si>
    <t>教育・文化</t>
    <rPh sb="0" eb="2">
      <t>キョウイク</t>
    </rPh>
    <rPh sb="3" eb="5">
      <t>ブンカ</t>
    </rPh>
    <phoneticPr fontId="3"/>
  </si>
  <si>
    <t>本庁舎　他</t>
    <rPh sb="0" eb="3">
      <t>ホンチョウシャ</t>
    </rPh>
    <rPh sb="4" eb="5">
      <t>ホカ</t>
    </rPh>
    <phoneticPr fontId="3"/>
  </si>
  <si>
    <t>本庁舎　他</t>
    <rPh sb="0" eb="2">
      <t>ホンチョウ</t>
    </rPh>
    <rPh sb="2" eb="3">
      <t>シャ</t>
    </rPh>
    <rPh sb="4" eb="5">
      <t>ホカ</t>
    </rPh>
    <phoneticPr fontId="3"/>
  </si>
  <si>
    <t>環境</t>
    <rPh sb="0" eb="2">
      <t>カンキョウ</t>
    </rPh>
    <phoneticPr fontId="3"/>
  </si>
  <si>
    <t>下水道局</t>
    <rPh sb="0" eb="3">
      <t>ゲスイドウ</t>
    </rPh>
    <rPh sb="3" eb="4">
      <t>キョク</t>
    </rPh>
    <phoneticPr fontId="3"/>
  </si>
  <si>
    <t>(月)</t>
  </si>
  <si>
    <t>土木
機械
電気
環境検査</t>
    <rPh sb="0" eb="2">
      <t>ドボク</t>
    </rPh>
    <rPh sb="3" eb="5">
      <t>キカイ</t>
    </rPh>
    <rPh sb="6" eb="8">
      <t>デンキ</t>
    </rPh>
    <rPh sb="9" eb="11">
      <t>カンキョウ</t>
    </rPh>
    <rPh sb="11" eb="13">
      <t>ケンサ</t>
    </rPh>
    <phoneticPr fontId="3"/>
  </si>
  <si>
    <t>1　下水道における主要施策（再構築、浸水対策、合流式下水道の改善、高度処理及びエネルギー・地球温暖化対策等）の計画作成に関する補助業務
2　下水道の現場における業務体験（水再生センターやポンプ所、下水道建設工事現場等）</t>
  </si>
  <si>
    <t>・土木工学
・機械工学
・電気工学
・化学工学
・生物工学
・衛生工学</t>
    <rPh sb="1" eb="3">
      <t>ドボク</t>
    </rPh>
    <rPh sb="3" eb="5">
      <t>コウガク</t>
    </rPh>
    <rPh sb="7" eb="9">
      <t>キカイ</t>
    </rPh>
    <rPh sb="9" eb="11">
      <t>コウガク</t>
    </rPh>
    <rPh sb="13" eb="15">
      <t>デンキ</t>
    </rPh>
    <rPh sb="15" eb="17">
      <t>コウガク</t>
    </rPh>
    <rPh sb="19" eb="21">
      <t>カガク</t>
    </rPh>
    <rPh sb="21" eb="23">
      <t>コウガク</t>
    </rPh>
    <rPh sb="25" eb="27">
      <t>セイブツ</t>
    </rPh>
    <rPh sb="27" eb="29">
      <t>コウガク</t>
    </rPh>
    <rPh sb="31" eb="33">
      <t>エイセイ</t>
    </rPh>
    <rPh sb="33" eb="35">
      <t>コウガク</t>
    </rPh>
    <phoneticPr fontId="3"/>
  </si>
  <si>
    <t>1　下水道の施設計画策定に関する補助業務
2　下水道の工事現場や計画予定施設における業務体験（水再生センターやポンプ所、下水道管きょ工事計画箇所の現場見学等）</t>
  </si>
  <si>
    <t>土木
機械
電気</t>
    <rPh sb="0" eb="2">
      <t>ドボク</t>
    </rPh>
    <rPh sb="3" eb="5">
      <t>キカイ</t>
    </rPh>
    <rPh sb="6" eb="8">
      <t>デンキ</t>
    </rPh>
    <phoneticPr fontId="3"/>
  </si>
  <si>
    <t>1　下水道工事における事故防止に関する補助業務
・現場パトロールに関する補助業務
　 労働安全衛生法・建設業法等の順守状況チェック
・事故予防資料作成に関する補助業務
　 事故分析・統計・傾向把握
2　下水道における技術管理に関する補助業務
・品質管理、基準改定に関する補助業務
・委員会、研修、説明会等の補助業務
 　（各種参加、準備やアンケート集計等）
・資料の整理、編集等の補助業務</t>
  </si>
  <si>
    <t>機械
電気</t>
    <rPh sb="0" eb="2">
      <t>キカイ</t>
    </rPh>
    <rPh sb="3" eb="5">
      <t>デンキ</t>
    </rPh>
    <phoneticPr fontId="3"/>
  </si>
  <si>
    <t>1　下水道設備の設計に関する補助業務
2　下水道設備の調査に関する補助業務</t>
  </si>
  <si>
    <t>・機械または電気工学（機械職種または電気職種）</t>
    <rPh sb="1" eb="3">
      <t>キカイ</t>
    </rPh>
    <rPh sb="6" eb="8">
      <t>デンキ</t>
    </rPh>
    <rPh sb="8" eb="10">
      <t>コウガク</t>
    </rPh>
    <rPh sb="11" eb="13">
      <t>キカイ</t>
    </rPh>
    <rPh sb="13" eb="15">
      <t>ショクシュ</t>
    </rPh>
    <rPh sb="18" eb="20">
      <t>デンキ</t>
    </rPh>
    <rPh sb="20" eb="22">
      <t>ショクシュ</t>
    </rPh>
    <phoneticPr fontId="3"/>
  </si>
  <si>
    <t>交通局</t>
  </si>
  <si>
    <t>東京都中央区明石町2-4
東京メトロ有楽町線新富町駅より徒歩5分
東京メトロ日比谷線築地駅より徒歩8分</t>
    <rPh sb="0" eb="3">
      <t>トウキョウト</t>
    </rPh>
    <rPh sb="3" eb="6">
      <t>チュウオウク</t>
    </rPh>
    <rPh sb="6" eb="9">
      <t>アカシチョウ</t>
    </rPh>
    <rPh sb="13" eb="15">
      <t>トウキョウ</t>
    </rPh>
    <rPh sb="18" eb="22">
      <t>ユウラクチョウセン</t>
    </rPh>
    <rPh sb="22" eb="25">
      <t>シントミチョウ</t>
    </rPh>
    <rPh sb="25" eb="26">
      <t>エキ</t>
    </rPh>
    <rPh sb="28" eb="30">
      <t>トホ</t>
    </rPh>
    <rPh sb="31" eb="32">
      <t>フン</t>
    </rPh>
    <rPh sb="33" eb="35">
      <t>トウキョウ</t>
    </rPh>
    <rPh sb="38" eb="42">
      <t>ヒビヤセン</t>
    </rPh>
    <rPh sb="42" eb="45">
      <t>ツキジエキ</t>
    </rPh>
    <rPh sb="47" eb="49">
      <t>トホ</t>
    </rPh>
    <rPh sb="50" eb="51">
      <t>プン</t>
    </rPh>
    <phoneticPr fontId="3"/>
  </si>
  <si>
    <t>道路・河川の整備及び維持管理</t>
    <rPh sb="0" eb="2">
      <t>ドウロ</t>
    </rPh>
    <rPh sb="3" eb="5">
      <t>カセン</t>
    </rPh>
    <rPh sb="6" eb="8">
      <t>セイビ</t>
    </rPh>
    <rPh sb="8" eb="9">
      <t>オヨ</t>
    </rPh>
    <rPh sb="10" eb="12">
      <t>イジ</t>
    </rPh>
    <rPh sb="12" eb="14">
      <t>カンリ</t>
    </rPh>
    <phoneticPr fontId="6"/>
  </si>
  <si>
    <t>Ｗｏｒｄ
使用</t>
    <rPh sb="5" eb="7">
      <t>シヨウ</t>
    </rPh>
    <phoneticPr fontId="3"/>
  </si>
  <si>
    <t>Ｅｘｃｅｌ
使用</t>
    <rPh sb="6" eb="8">
      <t>シヨウ</t>
    </rPh>
    <phoneticPr fontId="3"/>
  </si>
  <si>
    <t>第四建設事務所
工事第一課/工事第二課/補修課</t>
    <rPh sb="0" eb="1">
      <t>ダイ</t>
    </rPh>
    <rPh sb="1" eb="2">
      <t>ヨン</t>
    </rPh>
    <rPh sb="2" eb="4">
      <t>ケンセツ</t>
    </rPh>
    <rPh sb="4" eb="6">
      <t>ジム</t>
    </rPh>
    <rPh sb="6" eb="7">
      <t>ショ</t>
    </rPh>
    <rPh sb="8" eb="10">
      <t>コウジ</t>
    </rPh>
    <rPh sb="10" eb="12">
      <t>ダイイチ</t>
    </rPh>
    <rPh sb="12" eb="13">
      <t>カ</t>
    </rPh>
    <rPh sb="14" eb="16">
      <t>コウジ</t>
    </rPh>
    <rPh sb="16" eb="17">
      <t>ダイ</t>
    </rPh>
    <rPh sb="17" eb="19">
      <t>ニカ</t>
    </rPh>
    <rPh sb="20" eb="22">
      <t>ホシュウ</t>
    </rPh>
    <rPh sb="22" eb="23">
      <t>カ</t>
    </rPh>
    <phoneticPr fontId="3"/>
  </si>
  <si>
    <t>東京都第四建設事務所
東京都豊島区南大塚2-36-2
ＪＲ山手線大塚駅より徒歩5分
東京メトロ丸ノ内線新大塚駅より徒歩5分</t>
    <rPh sb="11" eb="14">
      <t>トウキョウト</t>
    </rPh>
    <rPh sb="14" eb="17">
      <t>トシマク</t>
    </rPh>
    <rPh sb="17" eb="20">
      <t>ミナミオオツカ</t>
    </rPh>
    <rPh sb="30" eb="32">
      <t>ヤマノテ</t>
    </rPh>
    <rPh sb="32" eb="33">
      <t>セン</t>
    </rPh>
    <rPh sb="33" eb="36">
      <t>オオツカエキ</t>
    </rPh>
    <rPh sb="38" eb="40">
      <t>トホ</t>
    </rPh>
    <rPh sb="41" eb="42">
      <t>フン</t>
    </rPh>
    <rPh sb="43" eb="45">
      <t>トウキョウ</t>
    </rPh>
    <rPh sb="48" eb="49">
      <t>マル</t>
    </rPh>
    <rPh sb="50" eb="51">
      <t>ウチ</t>
    </rPh>
    <rPh sb="51" eb="52">
      <t>セン</t>
    </rPh>
    <rPh sb="52" eb="56">
      <t>シンオオツカエキ</t>
    </rPh>
    <rPh sb="58" eb="60">
      <t>トホ</t>
    </rPh>
    <rPh sb="61" eb="62">
      <t>フン</t>
    </rPh>
    <phoneticPr fontId="3"/>
  </si>
  <si>
    <t>北多摩南部建設事務所
東京都府中市緑町1-27-1
京王線　府中駅より徒歩約7分</t>
    <rPh sb="11" eb="14">
      <t>トウキョウト</t>
    </rPh>
    <rPh sb="14" eb="17">
      <t>フチュウシ</t>
    </rPh>
    <rPh sb="17" eb="18">
      <t>ミドリ</t>
    </rPh>
    <rPh sb="18" eb="19">
      <t>チョウ</t>
    </rPh>
    <rPh sb="27" eb="30">
      <t>ケイオウセン</t>
    </rPh>
    <rPh sb="31" eb="33">
      <t>フチュウ</t>
    </rPh>
    <rPh sb="33" eb="34">
      <t>エキ</t>
    </rPh>
    <rPh sb="36" eb="38">
      <t>トホ</t>
    </rPh>
    <rPh sb="38" eb="39">
      <t>ヤク</t>
    </rPh>
    <rPh sb="40" eb="41">
      <t>フン</t>
    </rPh>
    <phoneticPr fontId="3"/>
  </si>
  <si>
    <t>・道路事業に関心のある方
・現地調査あり
・Word初級以上、Excel初級以上、
  PowerPoint初級以上</t>
    <rPh sb="1" eb="3">
      <t>ドウロ</t>
    </rPh>
    <rPh sb="3" eb="5">
      <t>ジギョウ</t>
    </rPh>
    <rPh sb="6" eb="8">
      <t>カンシン</t>
    </rPh>
    <rPh sb="11" eb="12">
      <t>カタ</t>
    </rPh>
    <rPh sb="14" eb="16">
      <t>ゲンチ</t>
    </rPh>
    <rPh sb="16" eb="18">
      <t>チョウサ</t>
    </rPh>
    <rPh sb="26" eb="28">
      <t>ショキュウ</t>
    </rPh>
    <rPh sb="28" eb="30">
      <t>イジョウ</t>
    </rPh>
    <rPh sb="36" eb="38">
      <t>ショキュウ</t>
    </rPh>
    <rPh sb="38" eb="40">
      <t>イジョウ</t>
    </rPh>
    <rPh sb="54" eb="56">
      <t>ショキュウ</t>
    </rPh>
    <rPh sb="56" eb="58">
      <t>イジョウ</t>
    </rPh>
    <phoneticPr fontId="3"/>
  </si>
  <si>
    <t>土木工学</t>
    <rPh sb="0" eb="2">
      <t>ドボク</t>
    </rPh>
    <rPh sb="2" eb="4">
      <t>コウガク</t>
    </rPh>
    <phoneticPr fontId="5"/>
  </si>
  <si>
    <t>・河川事業に関心のある方</t>
    <rPh sb="1" eb="3">
      <t>カセン</t>
    </rPh>
    <rPh sb="3" eb="5">
      <t>ジギョウ</t>
    </rPh>
    <rPh sb="6" eb="8">
      <t>カンシン</t>
    </rPh>
    <rPh sb="11" eb="12">
      <t>カタ</t>
    </rPh>
    <phoneticPr fontId="5"/>
  </si>
  <si>
    <t>現場作業あり</t>
    <rPh sb="0" eb="2">
      <t>ゲンバ</t>
    </rPh>
    <rPh sb="2" eb="4">
      <t>サギョウ</t>
    </rPh>
    <phoneticPr fontId="5"/>
  </si>
  <si>
    <t>西多摩建設事務所
東京都青梅市東青梅3-20-1
青梅線東青梅駅から徒歩7分</t>
    <rPh sb="0" eb="8">
      <t>ニシ</t>
    </rPh>
    <rPh sb="9" eb="24">
      <t>ジュウショ</t>
    </rPh>
    <rPh sb="26" eb="29">
      <t>オウメセン</t>
    </rPh>
    <rPh sb="29" eb="33">
      <t>ヒガシオウメエキ</t>
    </rPh>
    <rPh sb="35" eb="37">
      <t>トホ</t>
    </rPh>
    <rPh sb="38" eb="39">
      <t>フン</t>
    </rPh>
    <phoneticPr fontId="5"/>
  </si>
  <si>
    <t>現場作業あり
(Ｗｏｒｄ初級以上、Ｅｘｃｅｌ初級以上、PowerPoint初級以上）</t>
    <rPh sb="22" eb="24">
      <t>ショキュウ</t>
    </rPh>
    <rPh sb="24" eb="26">
      <t>イジョウ</t>
    </rPh>
    <rPh sb="37" eb="39">
      <t>ショキュウ</t>
    </rPh>
    <rPh sb="39" eb="41">
      <t>イジョウ</t>
    </rPh>
    <phoneticPr fontId="3"/>
  </si>
  <si>
    <t>計画調整部 
計画課 
計画担当</t>
    <rPh sb="0" eb="2">
      <t>ケイカク</t>
    </rPh>
    <rPh sb="2" eb="4">
      <t>チョウセイ</t>
    </rPh>
    <rPh sb="4" eb="5">
      <t>ブ</t>
    </rPh>
    <rPh sb="7" eb="10">
      <t>ケイカクカ</t>
    </rPh>
    <rPh sb="12" eb="14">
      <t>ケイカク</t>
    </rPh>
    <rPh sb="14" eb="16">
      <t>タントウ</t>
    </rPh>
    <phoneticPr fontId="3"/>
  </si>
  <si>
    <t>計画調整部 
技術開発課　
企画調整担当</t>
    <rPh sb="0" eb="2">
      <t>ケイカク</t>
    </rPh>
    <rPh sb="2" eb="4">
      <t>チョウセイ</t>
    </rPh>
    <rPh sb="4" eb="5">
      <t>ブ</t>
    </rPh>
    <rPh sb="7" eb="9">
      <t>ギジュツ</t>
    </rPh>
    <rPh sb="9" eb="11">
      <t>カイハツ</t>
    </rPh>
    <rPh sb="11" eb="12">
      <t>カ</t>
    </rPh>
    <rPh sb="14" eb="16">
      <t>キカク</t>
    </rPh>
    <rPh sb="16" eb="18">
      <t>チョウセイ</t>
    </rPh>
    <rPh sb="18" eb="20">
      <t>タントウ</t>
    </rPh>
    <phoneticPr fontId="3"/>
  </si>
  <si>
    <t>計画調整部 
技術開発課　
技術管理担当</t>
    <rPh sb="0" eb="2">
      <t>ケイカク</t>
    </rPh>
    <rPh sb="2" eb="4">
      <t>チョウセイ</t>
    </rPh>
    <rPh sb="4" eb="5">
      <t>ブ</t>
    </rPh>
    <rPh sb="7" eb="9">
      <t>ギジュツ</t>
    </rPh>
    <rPh sb="9" eb="11">
      <t>カイハツ</t>
    </rPh>
    <rPh sb="11" eb="12">
      <t>カ</t>
    </rPh>
    <rPh sb="14" eb="16">
      <t>ギジュツ</t>
    </rPh>
    <rPh sb="16" eb="18">
      <t>カンリ</t>
    </rPh>
    <rPh sb="18" eb="20">
      <t>タントウ</t>
    </rPh>
    <phoneticPr fontId="3"/>
  </si>
  <si>
    <t>建設部 
設備設計課　
調整担当</t>
    <rPh sb="0" eb="2">
      <t>ケンセツ</t>
    </rPh>
    <rPh sb="2" eb="3">
      <t>ブ</t>
    </rPh>
    <rPh sb="5" eb="7">
      <t>セツビ</t>
    </rPh>
    <rPh sb="7" eb="9">
      <t>セッケイ</t>
    </rPh>
    <rPh sb="9" eb="10">
      <t>カ</t>
    </rPh>
    <rPh sb="12" eb="14">
      <t>チョウセイ</t>
    </rPh>
    <rPh sb="14" eb="16">
      <t>タントウ</t>
    </rPh>
    <phoneticPr fontId="3"/>
  </si>
  <si>
    <t>建設工務部 
保線課</t>
    <rPh sb="0" eb="2">
      <t>ケンセツ</t>
    </rPh>
    <rPh sb="2" eb="5">
      <t>コウムブ</t>
    </rPh>
    <rPh sb="7" eb="9">
      <t>ホセン</t>
    </rPh>
    <rPh sb="9" eb="10">
      <t>カ</t>
    </rPh>
    <phoneticPr fontId="3"/>
  </si>
  <si>
    <t>PowerPoint
使用</t>
    <rPh sb="11" eb="13">
      <t>シヨウ</t>
    </rPh>
    <phoneticPr fontId="3"/>
  </si>
  <si>
    <t>実習時間（予定）</t>
    <rPh sb="0" eb="2">
      <t>ジッシュウ</t>
    </rPh>
    <rPh sb="2" eb="4">
      <t>ジカン</t>
    </rPh>
    <rPh sb="5" eb="7">
      <t>ヨテイ</t>
    </rPh>
    <phoneticPr fontId="3"/>
  </si>
  <si>
    <t>建設局</t>
  </si>
  <si>
    <t>財務局</t>
    <rPh sb="0" eb="2">
      <t>ザイム</t>
    </rPh>
    <rPh sb="2" eb="3">
      <t>キョク</t>
    </rPh>
    <phoneticPr fontId="1"/>
  </si>
  <si>
    <t>生活文化スポーツ局</t>
    <rPh sb="0" eb="2">
      <t>セイカツ</t>
    </rPh>
    <rPh sb="2" eb="4">
      <t>ブンカ</t>
    </rPh>
    <rPh sb="8" eb="9">
      <t>キョク</t>
    </rPh>
    <phoneticPr fontId="1"/>
  </si>
  <si>
    <t>都市整備局</t>
    <rPh sb="0" eb="2">
      <t>トシ</t>
    </rPh>
    <rPh sb="2" eb="4">
      <t>セイビ</t>
    </rPh>
    <rPh sb="4" eb="5">
      <t>キョク</t>
    </rPh>
    <phoneticPr fontId="1"/>
  </si>
  <si>
    <t>港湾局</t>
    <rPh sb="0" eb="2">
      <t>コウワン</t>
    </rPh>
    <rPh sb="2" eb="3">
      <t>キョク</t>
    </rPh>
    <phoneticPr fontId="1"/>
  </si>
  <si>
    <t>交通局</t>
    <rPh sb="0" eb="2">
      <t>コウツウ</t>
    </rPh>
    <rPh sb="2" eb="3">
      <t>キョク</t>
    </rPh>
    <phoneticPr fontId="1"/>
  </si>
  <si>
    <t>下水道局</t>
    <rPh sb="0" eb="3">
      <t>ゲスイドウ</t>
    </rPh>
    <rPh sb="3" eb="4">
      <t>キョク</t>
    </rPh>
    <phoneticPr fontId="1"/>
  </si>
  <si>
    <t>不問</t>
    <rPh sb="0" eb="2">
      <t>フモン</t>
    </rPh>
    <phoneticPr fontId="5"/>
  </si>
  <si>
    <t>計画調整部 
事業調整課　
施設計画担当</t>
  </si>
  <si>
    <t>土木</t>
    <rPh sb="0" eb="2">
      <t>ドボク</t>
    </rPh>
    <phoneticPr fontId="5"/>
  </si>
  <si>
    <t>土木工学、衛生工学等に関する分野</t>
    <rPh sb="0" eb="2">
      <t>ドボク</t>
    </rPh>
    <rPh sb="2" eb="4">
      <t>コウガク</t>
    </rPh>
    <rPh sb="5" eb="7">
      <t>エイセイ</t>
    </rPh>
    <rPh sb="7" eb="9">
      <t>コウガク</t>
    </rPh>
    <phoneticPr fontId="3"/>
  </si>
  <si>
    <t>機械
電気</t>
    <rPh sb="0" eb="2">
      <t>キカイ</t>
    </rPh>
    <rPh sb="3" eb="5">
      <t>デンキ</t>
    </rPh>
    <phoneticPr fontId="5"/>
  </si>
  <si>
    <t>・機械工学
・電気工学</t>
    <rPh sb="1" eb="3">
      <t>キカイ</t>
    </rPh>
    <rPh sb="3" eb="5">
      <t>コウガク</t>
    </rPh>
    <rPh sb="7" eb="9">
      <t>デンキ</t>
    </rPh>
    <rPh sb="9" eb="11">
      <t>コウガク</t>
    </rPh>
    <phoneticPr fontId="5"/>
  </si>
  <si>
    <t>建設部
工務課
調整担当</t>
    <rPh sb="0" eb="2">
      <t>ケンセツ</t>
    </rPh>
    <rPh sb="2" eb="3">
      <t>ブ</t>
    </rPh>
    <rPh sb="4" eb="6">
      <t>コウム</t>
    </rPh>
    <rPh sb="6" eb="7">
      <t>カ</t>
    </rPh>
    <rPh sb="8" eb="10">
      <t>チョウセイ</t>
    </rPh>
    <rPh sb="10" eb="12">
      <t>タントウ</t>
    </rPh>
    <phoneticPr fontId="5"/>
  </si>
  <si>
    <t>本庁舎
工事施工現場等</t>
    <rPh sb="0" eb="1">
      <t>ホン</t>
    </rPh>
    <rPh sb="1" eb="3">
      <t>チョウシャ</t>
    </rPh>
    <phoneticPr fontId="5"/>
  </si>
  <si>
    <t>建設部
設計調整課
調整担当</t>
    <rPh sb="0" eb="2">
      <t>ケンセツ</t>
    </rPh>
    <rPh sb="2" eb="3">
      <t>ブ</t>
    </rPh>
    <rPh sb="4" eb="6">
      <t>セッケイ</t>
    </rPh>
    <rPh sb="6" eb="8">
      <t>チョウセイ</t>
    </rPh>
    <rPh sb="8" eb="9">
      <t>カ</t>
    </rPh>
    <rPh sb="10" eb="12">
      <t>チョウセイ</t>
    </rPh>
    <rPh sb="12" eb="14">
      <t>タントウ</t>
    </rPh>
    <phoneticPr fontId="5"/>
  </si>
  <si>
    <t>本庁舎</t>
    <rPh sb="0" eb="1">
      <t>ホン</t>
    </rPh>
    <rPh sb="1" eb="3">
      <t>チョウシャ</t>
    </rPh>
    <phoneticPr fontId="5"/>
  </si>
  <si>
    <t>建設部
土木設計課
調整担当</t>
    <rPh sb="0" eb="2">
      <t>ケンセツ</t>
    </rPh>
    <rPh sb="2" eb="3">
      <t>ブ</t>
    </rPh>
    <rPh sb="4" eb="6">
      <t>ドボク</t>
    </rPh>
    <rPh sb="6" eb="8">
      <t>セッケイ</t>
    </rPh>
    <rPh sb="8" eb="9">
      <t>カ</t>
    </rPh>
    <rPh sb="10" eb="12">
      <t>チョウセイ</t>
    </rPh>
    <rPh sb="12" eb="14">
      <t>タントウ</t>
    </rPh>
    <phoneticPr fontId="5"/>
  </si>
  <si>
    <t>本庁舎
工事施工現場等</t>
    <rPh sb="0" eb="1">
      <t>ホン</t>
    </rPh>
    <rPh sb="1" eb="3">
      <t>チョウシャ</t>
    </rPh>
    <rPh sb="4" eb="6">
      <t>コウジ</t>
    </rPh>
    <rPh sb="6" eb="8">
      <t>セコウ</t>
    </rPh>
    <rPh sb="8" eb="10">
      <t>ゲンバ</t>
    </rPh>
    <rPh sb="10" eb="11">
      <t>トウ</t>
    </rPh>
    <phoneticPr fontId="5"/>
  </si>
  <si>
    <t>電気</t>
    <rPh sb="0" eb="2">
      <t>デンキ</t>
    </rPh>
    <phoneticPr fontId="5"/>
  </si>
  <si>
    <t>・本庁舎
・都立スポーツ施設</t>
    <rPh sb="1" eb="4">
      <t>ホンチョウシャ</t>
    </rPh>
    <rPh sb="6" eb="8">
      <t>トリツ</t>
    </rPh>
    <phoneticPr fontId="5"/>
  </si>
  <si>
    <t>理系</t>
    <rPh sb="0" eb="2">
      <t>リケイ</t>
    </rPh>
    <phoneticPr fontId="5"/>
  </si>
  <si>
    <t>都市基盤部
調整課
施設計画担当</t>
    <rPh sb="0" eb="2">
      <t>トシ</t>
    </rPh>
    <rPh sb="2" eb="4">
      <t>キバン</t>
    </rPh>
    <rPh sb="4" eb="5">
      <t>ブ</t>
    </rPh>
    <rPh sb="6" eb="8">
      <t>チョウセイ</t>
    </rPh>
    <rPh sb="8" eb="9">
      <t>カ</t>
    </rPh>
    <rPh sb="10" eb="12">
      <t>シセツ</t>
    </rPh>
    <rPh sb="12" eb="14">
      <t>ケイカク</t>
    </rPh>
    <rPh sb="14" eb="16">
      <t>タントウ</t>
    </rPh>
    <phoneticPr fontId="5"/>
  </si>
  <si>
    <t>気候変動に伴う豪雨対策の推進に関わる事務補助、水資源の開発や望ましい水循環の形成に関する事務補助、施設視察</t>
    <rPh sb="0" eb="2">
      <t>キコウ</t>
    </rPh>
    <rPh sb="2" eb="4">
      <t>ヘンドウ</t>
    </rPh>
    <rPh sb="5" eb="6">
      <t>トモナ</t>
    </rPh>
    <rPh sb="15" eb="16">
      <t>カカ</t>
    </rPh>
    <rPh sb="18" eb="20">
      <t>ジム</t>
    </rPh>
    <rPh sb="20" eb="22">
      <t>ホジョ</t>
    </rPh>
    <rPh sb="41" eb="42">
      <t>カン</t>
    </rPh>
    <rPh sb="44" eb="46">
      <t>ジム</t>
    </rPh>
    <rPh sb="46" eb="48">
      <t>ホジョ</t>
    </rPh>
    <rPh sb="49" eb="51">
      <t>シセツ</t>
    </rPh>
    <rPh sb="51" eb="53">
      <t>シサツ</t>
    </rPh>
    <phoneticPr fontId="5"/>
  </si>
  <si>
    <t>市街地整備部
企画課
企画調整担当</t>
    <rPh sb="0" eb="3">
      <t>シガイチ</t>
    </rPh>
    <rPh sb="3" eb="5">
      <t>セイビ</t>
    </rPh>
    <rPh sb="5" eb="6">
      <t>ブ</t>
    </rPh>
    <rPh sb="7" eb="9">
      <t>キカク</t>
    </rPh>
    <rPh sb="9" eb="10">
      <t>カ</t>
    </rPh>
    <rPh sb="11" eb="13">
      <t>キカク</t>
    </rPh>
    <rPh sb="13" eb="15">
      <t>チョウセイ</t>
    </rPh>
    <rPh sb="15" eb="17">
      <t>タントウ</t>
    </rPh>
    <phoneticPr fontId="5"/>
  </si>
  <si>
    <t>建築</t>
    <rPh sb="0" eb="2">
      <t>ケンチク</t>
    </rPh>
    <phoneticPr fontId="5"/>
  </si>
  <si>
    <t>住宅政策本部</t>
    <rPh sb="0" eb="6">
      <t>ジュ</t>
    </rPh>
    <phoneticPr fontId="5"/>
  </si>
  <si>
    <t>第一建設事務所
各課</t>
    <rPh sb="0" eb="7">
      <t>ダイイチケンセツジムショ</t>
    </rPh>
    <rPh sb="8" eb="10">
      <t>カクカ</t>
    </rPh>
    <phoneticPr fontId="3"/>
  </si>
  <si>
    <t>現場調査・作業あり</t>
  </si>
  <si>
    <t>道路及び河川の整備、維持管理の現状の講義
工事現場調査、道路巡回点検の体験等</t>
    <rPh sb="0" eb="2">
      <t>ドウロ</t>
    </rPh>
    <rPh sb="2" eb="3">
      <t>オヨ</t>
    </rPh>
    <rPh sb="4" eb="6">
      <t>カセン</t>
    </rPh>
    <rPh sb="7" eb="9">
      <t>セイビ</t>
    </rPh>
    <rPh sb="10" eb="12">
      <t>イジ</t>
    </rPh>
    <rPh sb="12" eb="14">
      <t>カンリ</t>
    </rPh>
    <rPh sb="15" eb="17">
      <t>ゲンジョウ</t>
    </rPh>
    <rPh sb="18" eb="20">
      <t>コウギ</t>
    </rPh>
    <rPh sb="21" eb="23">
      <t>コウジ</t>
    </rPh>
    <rPh sb="23" eb="25">
      <t>ゲンバ</t>
    </rPh>
    <rPh sb="25" eb="27">
      <t>チョウサ</t>
    </rPh>
    <rPh sb="28" eb="30">
      <t>ドウロ</t>
    </rPh>
    <rPh sb="30" eb="32">
      <t>ジュンカイ</t>
    </rPh>
    <rPh sb="32" eb="34">
      <t>テンケン</t>
    </rPh>
    <rPh sb="35" eb="37">
      <t>タイケン</t>
    </rPh>
    <rPh sb="37" eb="38">
      <t>トウ</t>
    </rPh>
    <phoneticPr fontId="6"/>
  </si>
  <si>
    <t>道路・河川の整備及び管理業務に伴う資料の作成、現場調査　等</t>
    <rPh sb="0" eb="2">
      <t>ドウロ</t>
    </rPh>
    <rPh sb="3" eb="5">
      <t>カセン</t>
    </rPh>
    <rPh sb="6" eb="8">
      <t>セイビ</t>
    </rPh>
    <rPh sb="8" eb="9">
      <t>オヨ</t>
    </rPh>
    <rPh sb="10" eb="12">
      <t>カンリ</t>
    </rPh>
    <rPh sb="12" eb="14">
      <t>ギョウム</t>
    </rPh>
    <rPh sb="15" eb="16">
      <t>トモナ</t>
    </rPh>
    <rPh sb="17" eb="19">
      <t>シリョウ</t>
    </rPh>
    <rPh sb="20" eb="22">
      <t>サクセイ</t>
    </rPh>
    <rPh sb="23" eb="25">
      <t>ゲンバ</t>
    </rPh>
    <rPh sb="25" eb="27">
      <t>チョウサ</t>
    </rPh>
    <rPh sb="28" eb="29">
      <t>トウ</t>
    </rPh>
    <phoneticPr fontId="3"/>
  </si>
  <si>
    <t>道路・河川の整備・維持管理に関心がある方。
現場調査・作業あり。
ＰＣ（Word、Excel）の基本操作が可能。</t>
    <rPh sb="19" eb="20">
      <t>カタ</t>
    </rPh>
    <phoneticPr fontId="3"/>
  </si>
  <si>
    <t>道路、橋りょう、河川の整備・維持管理に関する業務補助、現地調査　等</t>
    <rPh sb="0" eb="2">
      <t>ドウロ</t>
    </rPh>
    <rPh sb="3" eb="4">
      <t>キョウ</t>
    </rPh>
    <rPh sb="8" eb="10">
      <t>カセン</t>
    </rPh>
    <rPh sb="11" eb="13">
      <t>セイビ</t>
    </rPh>
    <rPh sb="14" eb="16">
      <t>イジ</t>
    </rPh>
    <rPh sb="16" eb="18">
      <t>カンリ</t>
    </rPh>
    <rPh sb="19" eb="20">
      <t>カン</t>
    </rPh>
    <rPh sb="22" eb="24">
      <t>ギョウム</t>
    </rPh>
    <rPh sb="24" eb="26">
      <t>ホジョ</t>
    </rPh>
    <rPh sb="27" eb="29">
      <t>ゲンチ</t>
    </rPh>
    <rPh sb="29" eb="31">
      <t>チョウサ</t>
    </rPh>
    <rPh sb="32" eb="33">
      <t>トウ</t>
    </rPh>
    <phoneticPr fontId="5"/>
  </si>
  <si>
    <t>道路管理部 
保全課/安全施設課</t>
    <rPh sb="7" eb="9">
      <t>ホゼン</t>
    </rPh>
    <rPh sb="11" eb="13">
      <t>アンゼン</t>
    </rPh>
    <rPh sb="13" eb="15">
      <t>シセツ</t>
    </rPh>
    <rPh sb="15" eb="16">
      <t>カ</t>
    </rPh>
    <phoneticPr fontId="3"/>
  </si>
  <si>
    <t>道路保全、交通安全施設事業に係る事務補助（現地調査、資料作成補助等）</t>
    <rPh sb="0" eb="2">
      <t>ドウロ</t>
    </rPh>
    <rPh sb="2" eb="4">
      <t>ホゼン</t>
    </rPh>
    <rPh sb="5" eb="7">
      <t>コウツウ</t>
    </rPh>
    <rPh sb="7" eb="9">
      <t>アンゼン</t>
    </rPh>
    <rPh sb="9" eb="11">
      <t>シセツ</t>
    </rPh>
    <rPh sb="21" eb="23">
      <t>ゲンチ</t>
    </rPh>
    <rPh sb="23" eb="25">
      <t>チョウサ</t>
    </rPh>
    <rPh sb="32" eb="33">
      <t>トウ</t>
    </rPh>
    <phoneticPr fontId="6"/>
  </si>
  <si>
    <t>西多摩建設事務所
工事第一課/工事第二課/補修課</t>
    <rPh sb="9" eb="14">
      <t>コウ</t>
    </rPh>
    <rPh sb="15" eb="17">
      <t>コウジ</t>
    </rPh>
    <rPh sb="17" eb="18">
      <t>ダイ</t>
    </rPh>
    <rPh sb="18" eb="20">
      <t>ニカ</t>
    </rPh>
    <rPh sb="21" eb="24">
      <t>ホシ</t>
    </rPh>
    <phoneticPr fontId="3"/>
  </si>
  <si>
    <t>東京港管理事務所及び関係部署施設</t>
    <rPh sb="0" eb="2">
      <t>トウキョウ</t>
    </rPh>
    <rPh sb="2" eb="3">
      <t>コウ</t>
    </rPh>
    <rPh sb="3" eb="5">
      <t>カンリ</t>
    </rPh>
    <rPh sb="5" eb="7">
      <t>ジム</t>
    </rPh>
    <rPh sb="7" eb="8">
      <t>ショ</t>
    </rPh>
    <rPh sb="8" eb="9">
      <t>オヨ</t>
    </rPh>
    <rPh sb="10" eb="12">
      <t>カンケイ</t>
    </rPh>
    <rPh sb="12" eb="14">
      <t>ブショ</t>
    </rPh>
    <rPh sb="14" eb="16">
      <t>シセツ</t>
    </rPh>
    <phoneticPr fontId="3"/>
  </si>
  <si>
    <t>道路設計業務補助/現場対応業務補助</t>
    <rPh sb="0" eb="2">
      <t>ドウロ</t>
    </rPh>
    <rPh sb="2" eb="4">
      <t>セッケイ</t>
    </rPh>
    <rPh sb="3" eb="4">
      <t>シセツ</t>
    </rPh>
    <rPh sb="4" eb="6">
      <t>ギョウム</t>
    </rPh>
    <rPh sb="6" eb="8">
      <t>ホジョ</t>
    </rPh>
    <rPh sb="9" eb="11">
      <t>ゲンバ</t>
    </rPh>
    <rPh sb="11" eb="13">
      <t>タイオウ</t>
    </rPh>
    <rPh sb="13" eb="15">
      <t>ギョウム</t>
    </rPh>
    <rPh sb="15" eb="17">
      <t>ホジョ</t>
    </rPh>
    <phoneticPr fontId="4"/>
  </si>
  <si>
    <t>港湾施設の設計業務補助/港湾施設工事の現場監督補助</t>
    <rPh sb="0" eb="2">
      <t>コウワン</t>
    </rPh>
    <rPh sb="2" eb="4">
      <t>シセツ</t>
    </rPh>
    <rPh sb="5" eb="7">
      <t>セッケイ</t>
    </rPh>
    <rPh sb="7" eb="9">
      <t>ギョウム</t>
    </rPh>
    <rPh sb="9" eb="11">
      <t>ホジョ</t>
    </rPh>
    <rPh sb="16" eb="18">
      <t>コウジ</t>
    </rPh>
    <rPh sb="19" eb="21">
      <t>ゲンバ</t>
    </rPh>
    <rPh sb="21" eb="23">
      <t>カントク</t>
    </rPh>
    <rPh sb="23" eb="25">
      <t>ホジョ</t>
    </rPh>
    <phoneticPr fontId="4"/>
  </si>
  <si>
    <t>青海分室及び関係部署施設</t>
    <rPh sb="0" eb="4">
      <t>アオミブンシツ</t>
    </rPh>
    <rPh sb="4" eb="5">
      <t>オヨ</t>
    </rPh>
    <rPh sb="6" eb="10">
      <t>カンケイブショ</t>
    </rPh>
    <rPh sb="10" eb="12">
      <t>シセツ</t>
    </rPh>
    <phoneticPr fontId="3"/>
  </si>
  <si>
    <t>車両電気部
車両課
計画担当</t>
    <rPh sb="0" eb="2">
      <t>シャリョウ</t>
    </rPh>
    <rPh sb="2" eb="4">
      <t>デンキ</t>
    </rPh>
    <rPh sb="4" eb="5">
      <t>ブ</t>
    </rPh>
    <rPh sb="6" eb="8">
      <t>シャリョウ</t>
    </rPh>
    <rPh sb="8" eb="9">
      <t>カ</t>
    </rPh>
    <rPh sb="10" eb="12">
      <t>ケイカク</t>
    </rPh>
    <rPh sb="12" eb="14">
      <t>タントウ</t>
    </rPh>
    <phoneticPr fontId="5"/>
  </si>
  <si>
    <t>本庁舎
車両検修場</t>
    <rPh sb="0" eb="1">
      <t>ホン</t>
    </rPh>
    <rPh sb="1" eb="3">
      <t>チョウシャ</t>
    </rPh>
    <rPh sb="4" eb="6">
      <t>シャリョウ</t>
    </rPh>
    <rPh sb="6" eb="8">
      <t>ケンシュウ</t>
    </rPh>
    <rPh sb="8" eb="9">
      <t>ジョウ</t>
    </rPh>
    <phoneticPr fontId="5"/>
  </si>
  <si>
    <t>地下鉄車両関係業務補助
車両検修場ほか調査</t>
    <rPh sb="0" eb="3">
      <t>チカテツ</t>
    </rPh>
    <rPh sb="3" eb="5">
      <t>シャリョウ</t>
    </rPh>
    <rPh sb="5" eb="7">
      <t>カンケイ</t>
    </rPh>
    <rPh sb="7" eb="9">
      <t>ギョウム</t>
    </rPh>
    <rPh sb="9" eb="11">
      <t>ホジョ</t>
    </rPh>
    <rPh sb="12" eb="14">
      <t>シャリョウ</t>
    </rPh>
    <rPh sb="14" eb="16">
      <t>ケンシュウ</t>
    </rPh>
    <rPh sb="16" eb="17">
      <t>ジョウ</t>
    </rPh>
    <rPh sb="19" eb="21">
      <t>チョウサ</t>
    </rPh>
    <phoneticPr fontId="5"/>
  </si>
  <si>
    <t>建築保全部
工務課
管理担当</t>
    <rPh sb="0" eb="2">
      <t>ケンチク</t>
    </rPh>
    <rPh sb="2" eb="4">
      <t>ホゼン</t>
    </rPh>
    <rPh sb="4" eb="5">
      <t>ブ</t>
    </rPh>
    <rPh sb="6" eb="9">
      <t>コウムカ</t>
    </rPh>
    <rPh sb="10" eb="12">
      <t>カンリ</t>
    </rPh>
    <rPh sb="12" eb="14">
      <t>タントウ</t>
    </rPh>
    <phoneticPr fontId="5"/>
  </si>
  <si>
    <t>ICT</t>
  </si>
  <si>
    <t>水道局</t>
    <rPh sb="0" eb="2">
      <t>スイドウ</t>
    </rPh>
    <rPh sb="2" eb="3">
      <t>キョク</t>
    </rPh>
    <phoneticPr fontId="3"/>
  </si>
  <si>
    <t>・水道施設の計画調査に関する業務の補助
・現場視察</t>
    <rPh sb="1" eb="3">
      <t>スイドウ</t>
    </rPh>
    <rPh sb="3" eb="5">
      <t>シセツ</t>
    </rPh>
    <rPh sb="6" eb="8">
      <t>ケイカク</t>
    </rPh>
    <rPh sb="8" eb="10">
      <t>チョウサ</t>
    </rPh>
    <rPh sb="11" eb="12">
      <t>カン</t>
    </rPh>
    <rPh sb="14" eb="16">
      <t>ギョウム</t>
    </rPh>
    <rPh sb="17" eb="19">
      <t>ホジョ</t>
    </rPh>
    <rPh sb="21" eb="23">
      <t>ゲンバ</t>
    </rPh>
    <rPh sb="23" eb="25">
      <t>シサツ</t>
    </rPh>
    <phoneticPr fontId="3"/>
  </si>
  <si>
    <t>・事業計画の立案や運営に興味のある者
・水道事業の計画策定に興味のある者</t>
    <rPh sb="1" eb="3">
      <t>ジギョウ</t>
    </rPh>
    <rPh sb="3" eb="5">
      <t>ケイカク</t>
    </rPh>
    <rPh sb="6" eb="8">
      <t>リツアン</t>
    </rPh>
    <rPh sb="9" eb="11">
      <t>ウンエイ</t>
    </rPh>
    <rPh sb="12" eb="14">
      <t>キョウミ</t>
    </rPh>
    <rPh sb="17" eb="18">
      <t>モノ</t>
    </rPh>
    <rPh sb="20" eb="22">
      <t>スイドウ</t>
    </rPh>
    <rPh sb="22" eb="24">
      <t>ジギョウ</t>
    </rPh>
    <rPh sb="25" eb="27">
      <t>ケイカク</t>
    </rPh>
    <rPh sb="27" eb="29">
      <t>サクテイ</t>
    </rPh>
    <rPh sb="30" eb="32">
      <t>キョウミ</t>
    </rPh>
    <rPh sb="35" eb="36">
      <t>モノ</t>
    </rPh>
    <phoneticPr fontId="3"/>
  </si>
  <si>
    <t>水道局</t>
    <rPh sb="0" eb="2">
      <t>スイドウ</t>
    </rPh>
    <rPh sb="2" eb="3">
      <t>キョク</t>
    </rPh>
    <phoneticPr fontId="1"/>
  </si>
  <si>
    <t>浄水部 
浄水課</t>
    <rPh sb="0" eb="2">
      <t>ジョウスイ</t>
    </rPh>
    <rPh sb="2" eb="3">
      <t>ブ</t>
    </rPh>
    <rPh sb="5" eb="7">
      <t>ジョウスイ</t>
    </rPh>
    <rPh sb="7" eb="8">
      <t>カ</t>
    </rPh>
    <phoneticPr fontId="3"/>
  </si>
  <si>
    <t>※浄水場等現地調査日の実習時間は未定</t>
    <rPh sb="1" eb="4">
      <t>ジョウスイジョウ</t>
    </rPh>
    <rPh sb="4" eb="5">
      <t>トウ</t>
    </rPh>
    <rPh sb="5" eb="7">
      <t>ゲンチ</t>
    </rPh>
    <rPh sb="7" eb="9">
      <t>チョウサ</t>
    </rPh>
    <rPh sb="9" eb="10">
      <t>ビ</t>
    </rPh>
    <rPh sb="11" eb="13">
      <t>ジッシュウ</t>
    </rPh>
    <rPh sb="13" eb="15">
      <t>ジカン</t>
    </rPh>
    <rPh sb="16" eb="18">
      <t>ミテイ</t>
    </rPh>
    <phoneticPr fontId="3"/>
  </si>
  <si>
    <t>機械工学
電気工学
情報工学</t>
    <rPh sb="0" eb="2">
      <t>キカイ</t>
    </rPh>
    <rPh sb="2" eb="4">
      <t>コウガク</t>
    </rPh>
    <rPh sb="5" eb="7">
      <t>デンキ</t>
    </rPh>
    <rPh sb="7" eb="9">
      <t>コウガク</t>
    </rPh>
    <rPh sb="10" eb="12">
      <t>ジョウホウ</t>
    </rPh>
    <rPh sb="12" eb="14">
      <t>コウガク</t>
    </rPh>
    <phoneticPr fontId="3"/>
  </si>
  <si>
    <t>水道事業及び関連施設、設備に関心のある方</t>
    <rPh sb="0" eb="2">
      <t>スイドウ</t>
    </rPh>
    <rPh sb="2" eb="4">
      <t>ジギョウ</t>
    </rPh>
    <rPh sb="4" eb="5">
      <t>オヨ</t>
    </rPh>
    <rPh sb="6" eb="8">
      <t>カンレン</t>
    </rPh>
    <rPh sb="8" eb="10">
      <t>シセツ</t>
    </rPh>
    <rPh sb="11" eb="13">
      <t>セツビ</t>
    </rPh>
    <rPh sb="14" eb="16">
      <t>カンシン</t>
    </rPh>
    <rPh sb="19" eb="20">
      <t>カタ</t>
    </rPh>
    <phoneticPr fontId="3"/>
  </si>
  <si>
    <t>給水部 
配水課</t>
    <rPh sb="0" eb="2">
      <t>キュウスイ</t>
    </rPh>
    <rPh sb="2" eb="3">
      <t>ブ</t>
    </rPh>
    <rPh sb="5" eb="7">
      <t>ハイスイ</t>
    </rPh>
    <rPh sb="7" eb="8">
      <t>カ</t>
    </rPh>
    <phoneticPr fontId="3"/>
  </si>
  <si>
    <t>１．業務概要説明
２．業務体験（工事監督、管路維持管理、事故対応、ほか）
３．現場視察</t>
    <rPh sb="2" eb="4">
      <t>ギョウム</t>
    </rPh>
    <rPh sb="4" eb="6">
      <t>ガイヨウ</t>
    </rPh>
    <rPh sb="6" eb="8">
      <t>セツメイ</t>
    </rPh>
    <rPh sb="11" eb="13">
      <t>ギョウム</t>
    </rPh>
    <rPh sb="13" eb="15">
      <t>タイケン</t>
    </rPh>
    <rPh sb="16" eb="18">
      <t>コウジ</t>
    </rPh>
    <rPh sb="18" eb="20">
      <t>カントク</t>
    </rPh>
    <rPh sb="21" eb="23">
      <t>カンロ</t>
    </rPh>
    <rPh sb="23" eb="25">
      <t>イジ</t>
    </rPh>
    <rPh sb="25" eb="27">
      <t>カンリ</t>
    </rPh>
    <rPh sb="28" eb="30">
      <t>ジコ</t>
    </rPh>
    <rPh sb="30" eb="32">
      <t>タイオウ</t>
    </rPh>
    <rPh sb="39" eb="41">
      <t>ゲンバ</t>
    </rPh>
    <rPh sb="41" eb="43">
      <t>シサツ</t>
    </rPh>
    <phoneticPr fontId="3"/>
  </si>
  <si>
    <t>土木工学系</t>
    <rPh sb="0" eb="2">
      <t>ドボク</t>
    </rPh>
    <rPh sb="2" eb="4">
      <t>コウガク</t>
    </rPh>
    <rPh sb="4" eb="5">
      <t>ケイ</t>
    </rPh>
    <phoneticPr fontId="3"/>
  </si>
  <si>
    <t>給水部 
給水課</t>
    <rPh sb="0" eb="2">
      <t>キュウスイ</t>
    </rPh>
    <rPh sb="2" eb="3">
      <t>ブ</t>
    </rPh>
    <rPh sb="5" eb="7">
      <t>キュウスイ</t>
    </rPh>
    <rPh sb="7" eb="8">
      <t>カ</t>
    </rPh>
    <phoneticPr fontId="3"/>
  </si>
  <si>
    <t>建設部 
工務課
施設整備計画担当</t>
    <rPh sb="0" eb="3">
      <t>ケン</t>
    </rPh>
    <rPh sb="5" eb="7">
      <t>コウム</t>
    </rPh>
    <rPh sb="7" eb="8">
      <t>カ</t>
    </rPh>
    <rPh sb="9" eb="11">
      <t>シセツ</t>
    </rPh>
    <rPh sb="11" eb="13">
      <t>セイビ</t>
    </rPh>
    <rPh sb="13" eb="15">
      <t>ケイカク</t>
    </rPh>
    <rPh sb="15" eb="17">
      <t>タントウ</t>
    </rPh>
    <phoneticPr fontId="3"/>
  </si>
  <si>
    <t>水道施設整備事業の実施計画及び調査業務補助
　・事業化箇所の選定
　・事業の進行管理</t>
    <rPh sb="0" eb="2">
      <t>スイドウ</t>
    </rPh>
    <rPh sb="2" eb="4">
      <t>シセツ</t>
    </rPh>
    <rPh sb="4" eb="6">
      <t>セイビ</t>
    </rPh>
    <rPh sb="6" eb="8">
      <t>ジギョウ</t>
    </rPh>
    <rPh sb="9" eb="11">
      <t>ジッシ</t>
    </rPh>
    <rPh sb="11" eb="13">
      <t>ケイカク</t>
    </rPh>
    <rPh sb="13" eb="14">
      <t>オヨ</t>
    </rPh>
    <rPh sb="15" eb="17">
      <t>チョウサ</t>
    </rPh>
    <rPh sb="17" eb="19">
      <t>ギョウム</t>
    </rPh>
    <rPh sb="19" eb="21">
      <t>ホジョ</t>
    </rPh>
    <rPh sb="24" eb="27">
      <t>ジギョウカ</t>
    </rPh>
    <rPh sb="27" eb="29">
      <t>カショ</t>
    </rPh>
    <rPh sb="30" eb="32">
      <t>センテイ</t>
    </rPh>
    <rPh sb="35" eb="37">
      <t>ジギョウ</t>
    </rPh>
    <rPh sb="38" eb="40">
      <t>シンコウ</t>
    </rPh>
    <rPh sb="40" eb="42">
      <t>カンリ</t>
    </rPh>
    <phoneticPr fontId="3"/>
  </si>
  <si>
    <t>工事中の現場内見学あり
ＣＡＤ使用：不要</t>
    <rPh sb="0" eb="3">
      <t>コウジチュウ</t>
    </rPh>
    <rPh sb="4" eb="6">
      <t>ゲンバ</t>
    </rPh>
    <rPh sb="6" eb="7">
      <t>ナイ</t>
    </rPh>
    <rPh sb="7" eb="9">
      <t>ケンガク</t>
    </rPh>
    <rPh sb="16" eb="18">
      <t>シヨウ</t>
    </rPh>
    <rPh sb="19" eb="21">
      <t>フヨウ</t>
    </rPh>
    <phoneticPr fontId="3"/>
  </si>
  <si>
    <t>建設部 
施設設計課</t>
    <rPh sb="0" eb="3">
      <t>ケン</t>
    </rPh>
    <rPh sb="5" eb="7">
      <t>シセツ</t>
    </rPh>
    <rPh sb="7" eb="9">
      <t>セッケイ</t>
    </rPh>
    <rPh sb="9" eb="10">
      <t>カ</t>
    </rPh>
    <phoneticPr fontId="3"/>
  </si>
  <si>
    <t>土木・衛生工学系</t>
    <rPh sb="0" eb="2">
      <t>ドボク</t>
    </rPh>
    <rPh sb="3" eb="5">
      <t>エイセイ</t>
    </rPh>
    <rPh sb="5" eb="7">
      <t>コウガク</t>
    </rPh>
    <rPh sb="7" eb="8">
      <t>ケイ</t>
    </rPh>
    <phoneticPr fontId="3"/>
  </si>
  <si>
    <t>管路工事及び給水所整備工事の設計・積算業務の補助
　・工事設計に伴う工法検討等の資料作成補助
　・数量計算・構造計算等のチェック
現場調査
　・管路建設工事現場の視察</t>
    <rPh sb="0" eb="2">
      <t>カンロ</t>
    </rPh>
    <rPh sb="2" eb="4">
      <t>コウジ</t>
    </rPh>
    <rPh sb="4" eb="5">
      <t>オヨ</t>
    </rPh>
    <rPh sb="6" eb="8">
      <t>キュウスイ</t>
    </rPh>
    <rPh sb="8" eb="9">
      <t>ショ</t>
    </rPh>
    <rPh sb="9" eb="11">
      <t>セイビ</t>
    </rPh>
    <rPh sb="11" eb="13">
      <t>コウジ</t>
    </rPh>
    <rPh sb="14" eb="16">
      <t>セッケイ</t>
    </rPh>
    <rPh sb="17" eb="19">
      <t>セキサン</t>
    </rPh>
    <rPh sb="19" eb="21">
      <t>ギョウム</t>
    </rPh>
    <rPh sb="22" eb="24">
      <t>ホジョ</t>
    </rPh>
    <rPh sb="27" eb="29">
      <t>コウジ</t>
    </rPh>
    <rPh sb="29" eb="31">
      <t>セッケイ</t>
    </rPh>
    <rPh sb="32" eb="33">
      <t>トモナ</t>
    </rPh>
    <rPh sb="34" eb="36">
      <t>コウホウ</t>
    </rPh>
    <rPh sb="36" eb="38">
      <t>ケントウ</t>
    </rPh>
    <rPh sb="38" eb="39">
      <t>トウ</t>
    </rPh>
    <rPh sb="40" eb="42">
      <t>シリョウ</t>
    </rPh>
    <rPh sb="42" eb="44">
      <t>サクセイ</t>
    </rPh>
    <rPh sb="44" eb="46">
      <t>ホジョ</t>
    </rPh>
    <rPh sb="49" eb="51">
      <t>スウリョウ</t>
    </rPh>
    <rPh sb="51" eb="53">
      <t>ケイサン</t>
    </rPh>
    <rPh sb="54" eb="56">
      <t>コウゾウ</t>
    </rPh>
    <rPh sb="56" eb="58">
      <t>ケイサン</t>
    </rPh>
    <rPh sb="58" eb="59">
      <t>トウ</t>
    </rPh>
    <rPh sb="66" eb="68">
      <t>ゲンバ</t>
    </rPh>
    <rPh sb="68" eb="70">
      <t>チョウサ</t>
    </rPh>
    <rPh sb="73" eb="75">
      <t>カンロ</t>
    </rPh>
    <rPh sb="75" eb="77">
      <t>ケンセツ</t>
    </rPh>
    <rPh sb="77" eb="79">
      <t>コウジ</t>
    </rPh>
    <rPh sb="79" eb="81">
      <t>ゲンバ</t>
    </rPh>
    <rPh sb="82" eb="84">
      <t>シサツ</t>
    </rPh>
    <phoneticPr fontId="3"/>
  </si>
  <si>
    <t>水道局</t>
    <rPh sb="0" eb="3">
      <t>スイドウキョク</t>
    </rPh>
    <phoneticPr fontId="5"/>
  </si>
  <si>
    <t xml:space="preserve">東京都立川市緑町6-7
多摩都市モノレール　
高松駅　徒歩3分
</t>
    <rPh sb="0" eb="2">
      <t>トウキョウ</t>
    </rPh>
    <rPh sb="2" eb="3">
      <t>ト</t>
    </rPh>
    <rPh sb="3" eb="5">
      <t>タチカワ</t>
    </rPh>
    <rPh sb="5" eb="6">
      <t>シ</t>
    </rPh>
    <rPh sb="6" eb="7">
      <t>ミドリ</t>
    </rPh>
    <rPh sb="7" eb="8">
      <t>マチ</t>
    </rPh>
    <rPh sb="12" eb="14">
      <t>タマ</t>
    </rPh>
    <rPh sb="14" eb="16">
      <t>トシ</t>
    </rPh>
    <rPh sb="23" eb="25">
      <t>タカマツ</t>
    </rPh>
    <rPh sb="25" eb="26">
      <t>エキ</t>
    </rPh>
    <rPh sb="27" eb="29">
      <t>トホ</t>
    </rPh>
    <rPh sb="30" eb="31">
      <t>プン</t>
    </rPh>
    <phoneticPr fontId="3"/>
  </si>
  <si>
    <t>施工中現場での監督業務あり</t>
    <rPh sb="0" eb="3">
      <t>セコウチュウ</t>
    </rPh>
    <rPh sb="3" eb="5">
      <t>ゲンバ</t>
    </rPh>
    <rPh sb="7" eb="9">
      <t>カントク</t>
    </rPh>
    <rPh sb="9" eb="11">
      <t>ギョウム</t>
    </rPh>
    <phoneticPr fontId="3"/>
  </si>
  <si>
    <t>多摩水道改革推進本部
施設部工務課
工務担当</t>
  </si>
  <si>
    <t>施設管理部
管路管理課</t>
    <rPh sb="0" eb="2">
      <t>シセツ</t>
    </rPh>
    <rPh sb="2" eb="4">
      <t>カンリ</t>
    </rPh>
    <rPh sb="4" eb="5">
      <t>ブ</t>
    </rPh>
    <rPh sb="6" eb="8">
      <t>カンロ</t>
    </rPh>
    <rPh sb="8" eb="11">
      <t>カンリカ</t>
    </rPh>
    <phoneticPr fontId="5"/>
  </si>
  <si>
    <t>施設管理部
施設管理課</t>
    <rPh sb="0" eb="2">
      <t>シセツ</t>
    </rPh>
    <rPh sb="2" eb="4">
      <t>カンリ</t>
    </rPh>
    <rPh sb="4" eb="5">
      <t>ブ</t>
    </rPh>
    <rPh sb="6" eb="8">
      <t>シセツ</t>
    </rPh>
    <rPh sb="8" eb="10">
      <t>カンリ</t>
    </rPh>
    <rPh sb="10" eb="11">
      <t>カ</t>
    </rPh>
    <phoneticPr fontId="3"/>
  </si>
  <si>
    <t>施設管理部
施設保全課
調整担当/工事指導担当/
保全指導担当</t>
    <rPh sb="0" eb="2">
      <t>シセツ</t>
    </rPh>
    <rPh sb="2" eb="4">
      <t>カンリ</t>
    </rPh>
    <rPh sb="4" eb="5">
      <t>ブ</t>
    </rPh>
    <rPh sb="6" eb="8">
      <t>シセツ</t>
    </rPh>
    <rPh sb="8" eb="10">
      <t>ホゼン</t>
    </rPh>
    <rPh sb="10" eb="11">
      <t>カ</t>
    </rPh>
    <rPh sb="12" eb="14">
      <t>チョウセイ</t>
    </rPh>
    <rPh sb="14" eb="16">
      <t>タントウ</t>
    </rPh>
    <rPh sb="17" eb="19">
      <t>コウジ</t>
    </rPh>
    <rPh sb="19" eb="21">
      <t>シドウ</t>
    </rPh>
    <rPh sb="21" eb="23">
      <t>タントウ</t>
    </rPh>
    <rPh sb="25" eb="27">
      <t>ホゼン</t>
    </rPh>
    <rPh sb="27" eb="29">
      <t>シドウ</t>
    </rPh>
    <rPh sb="29" eb="31">
      <t>タントウ</t>
    </rPh>
    <phoneticPr fontId="5"/>
  </si>
  <si>
    <t>・水再生センター、ポンプ所の維持管理業務補助</t>
  </si>
  <si>
    <t>1　下水道建設工事の進行管理に関する補助業務
2　下水道建設工事の指導に関する補助業務</t>
  </si>
  <si>
    <t>1　調整業務補助
2　管路事業調査業務補助
3　事業計画策定業務補助</t>
  </si>
  <si>
    <t>うち2日間</t>
    <rPh sb="3" eb="5">
      <t>ニチカン</t>
    </rPh>
    <phoneticPr fontId="5"/>
  </si>
  <si>
    <t>第二建設事務所
管理課/工事第一課/工事第二課/補修課</t>
  </si>
  <si>
    <t>道路事業について／河川事業について</t>
  </si>
  <si>
    <t>東京都中野区中野4-8-1
JR中野駅、東京メトロ中野駅北口より徒歩5分
中野区役所内1・2階</t>
  </si>
  <si>
    <t>庁舎整備業務、施設保全業務、工事現場監理業務等</t>
  </si>
  <si>
    <t>～</t>
    <phoneticPr fontId="5"/>
  </si>
  <si>
    <t>(火)</t>
    <rPh sb="1" eb="2">
      <t>ヒ</t>
    </rPh>
    <phoneticPr fontId="5"/>
  </si>
  <si>
    <t>(水)</t>
    <rPh sb="1" eb="2">
      <t>スイ</t>
    </rPh>
    <phoneticPr fontId="5"/>
  </si>
  <si>
    <t>(木)</t>
    <rPh sb="1" eb="2">
      <t>モク</t>
    </rPh>
    <phoneticPr fontId="5"/>
  </si>
  <si>
    <t>(金)</t>
    <rPh sb="1" eb="2">
      <t>キン</t>
    </rPh>
    <phoneticPr fontId="5"/>
  </si>
  <si>
    <t>うち3日間
詳細日程は実習生決定後に調整。</t>
    <rPh sb="7" eb="9">
      <t>ショウサイ</t>
    </rPh>
    <rPh sb="19" eb="21">
      <t>チョウセイ</t>
    </rPh>
    <phoneticPr fontId="5"/>
  </si>
  <si>
    <t>うち3日間</t>
    <rPh sb="3" eb="4">
      <t>ニチ</t>
    </rPh>
    <rPh sb="4" eb="5">
      <t>アイダ</t>
    </rPh>
    <phoneticPr fontId="5"/>
  </si>
  <si>
    <t>―</t>
    <phoneticPr fontId="5"/>
  </si>
  <si>
    <t>本庁舎　他
（浄水場等）</t>
    <rPh sb="7" eb="10">
      <t>ジョウスイジョウ</t>
    </rPh>
    <phoneticPr fontId="3"/>
  </si>
  <si>
    <t>本庁舎　他</t>
    <rPh sb="0" eb="1">
      <t>ホン</t>
    </rPh>
    <rPh sb="1" eb="3">
      <t>チョウシャ</t>
    </rPh>
    <rPh sb="4" eb="5">
      <t>ホカ</t>
    </rPh>
    <phoneticPr fontId="5"/>
  </si>
  <si>
    <t>本庁舎　他</t>
    <rPh sb="0" eb="3">
      <t>ホンチョウシャ</t>
    </rPh>
    <rPh sb="4" eb="5">
      <t>ホカ</t>
    </rPh>
    <phoneticPr fontId="5"/>
  </si>
  <si>
    <t>本庁舎　他
（工事現場）</t>
    <phoneticPr fontId="5"/>
  </si>
  <si>
    <t>(火)</t>
    <rPh sb="1" eb="2">
      <t>カ</t>
    </rPh>
    <phoneticPr fontId="5"/>
  </si>
  <si>
    <t>―</t>
  </si>
  <si>
    <t>(火)</t>
  </si>
  <si>
    <t>総務部施設計画課</t>
    <rPh sb="0" eb="2">
      <t>ソウム</t>
    </rPh>
    <rPh sb="2" eb="3">
      <t>ブ</t>
    </rPh>
    <rPh sb="3" eb="5">
      <t>シセツ</t>
    </rPh>
    <rPh sb="5" eb="7">
      <t>ケイカク</t>
    </rPh>
    <rPh sb="7" eb="8">
      <t>カ</t>
    </rPh>
    <phoneticPr fontId="5"/>
  </si>
  <si>
    <t>(金)</t>
  </si>
  <si>
    <t>※現地調査日の実習時間は未定</t>
    <rPh sb="1" eb="3">
      <t>ゲンチ</t>
    </rPh>
    <rPh sb="3" eb="5">
      <t>チョウサ</t>
    </rPh>
    <rPh sb="5" eb="6">
      <t>ビ</t>
    </rPh>
    <rPh sb="7" eb="9">
      <t>ジッシュウ</t>
    </rPh>
    <rPh sb="9" eb="11">
      <t>ジカン</t>
    </rPh>
    <rPh sb="12" eb="14">
      <t>ミテイ</t>
    </rPh>
    <phoneticPr fontId="3"/>
  </si>
  <si>
    <t>経理部
営繕課
建築担当</t>
    <rPh sb="0" eb="3">
      <t>ケイリブ</t>
    </rPh>
    <rPh sb="4" eb="6">
      <t>エイゼン</t>
    </rPh>
    <rPh sb="6" eb="7">
      <t>カ</t>
    </rPh>
    <rPh sb="8" eb="10">
      <t>ケンチク</t>
    </rPh>
    <rPh sb="10" eb="12">
      <t>タントウ</t>
    </rPh>
    <phoneticPr fontId="5"/>
  </si>
  <si>
    <t>２日目
現場視察
（予定）</t>
    <rPh sb="1" eb="2">
      <t>ニチ</t>
    </rPh>
    <rPh sb="2" eb="3">
      <t>メ</t>
    </rPh>
    <rPh sb="4" eb="6">
      <t>ゲンバ</t>
    </rPh>
    <rPh sb="6" eb="8">
      <t>シサツ</t>
    </rPh>
    <rPh sb="10" eb="12">
      <t>ヨテイ</t>
    </rPh>
    <phoneticPr fontId="5"/>
  </si>
  <si>
    <t>第二本庁舎  外</t>
    <rPh sb="0" eb="1">
      <t>ダイ</t>
    </rPh>
    <rPh sb="1" eb="2">
      <t>ニ</t>
    </rPh>
    <rPh sb="2" eb="4">
      <t>ホンチョウ</t>
    </rPh>
    <rPh sb="4" eb="5">
      <t>シャ</t>
    </rPh>
    <rPh sb="7" eb="8">
      <t>ソト</t>
    </rPh>
    <phoneticPr fontId="3"/>
  </si>
  <si>
    <t>庁舎等の営繕業務に関する作業補助、視察</t>
    <rPh sb="0" eb="2">
      <t>チョウシャ</t>
    </rPh>
    <rPh sb="2" eb="3">
      <t>トウ</t>
    </rPh>
    <rPh sb="4" eb="6">
      <t>エイゼン</t>
    </rPh>
    <rPh sb="6" eb="8">
      <t>ギョウム</t>
    </rPh>
    <rPh sb="9" eb="10">
      <t>カン</t>
    </rPh>
    <rPh sb="12" eb="14">
      <t>サギョウ</t>
    </rPh>
    <rPh sb="14" eb="16">
      <t>ホジョ</t>
    </rPh>
    <rPh sb="17" eb="19">
      <t>シサツ</t>
    </rPh>
    <phoneticPr fontId="5"/>
  </si>
  <si>
    <t>本庁舎　他
（浄水場、水源管理事務所等）</t>
    <rPh sb="7" eb="10">
      <t>ジョウスイジョウ</t>
    </rPh>
    <rPh sb="11" eb="13">
      <t>スイゲン</t>
    </rPh>
    <rPh sb="13" eb="15">
      <t>カンリ</t>
    </rPh>
    <rPh sb="15" eb="17">
      <t>ジム</t>
    </rPh>
    <rPh sb="17" eb="18">
      <t>ショ</t>
    </rPh>
    <phoneticPr fontId="3"/>
  </si>
  <si>
    <t>1　業務概要説明
2　浄水場、水源管理事務所等の現地調査
3　浄水技術に関する資料作成
4　実習成果まとめ・発表</t>
    <rPh sb="11" eb="14">
      <t>ジョウスイジョウ</t>
    </rPh>
    <phoneticPr fontId="3"/>
  </si>
  <si>
    <t>浄水部
設備課</t>
    <rPh sb="0" eb="2">
      <t>ジョウスイ</t>
    </rPh>
    <rPh sb="2" eb="3">
      <t>ブ</t>
    </rPh>
    <rPh sb="4" eb="6">
      <t>セツビ</t>
    </rPh>
    <rPh sb="6" eb="7">
      <t>カ</t>
    </rPh>
    <phoneticPr fontId="5"/>
  </si>
  <si>
    <t>機械</t>
  </si>
  <si>
    <t>1　設備課業務概要説明
2　施設調査（浄水場等）
3　業務補助
4　実習成果まとめ・発表</t>
    <rPh sb="2" eb="5">
      <t>セツビカ</t>
    </rPh>
    <rPh sb="5" eb="7">
      <t>ギョウム</t>
    </rPh>
    <rPh sb="7" eb="9">
      <t>ガイヨウ</t>
    </rPh>
    <rPh sb="9" eb="11">
      <t>セツメイ</t>
    </rPh>
    <rPh sb="14" eb="16">
      <t>シセツ</t>
    </rPh>
    <rPh sb="16" eb="18">
      <t>チョウサ</t>
    </rPh>
    <rPh sb="19" eb="22">
      <t>ジョウスイジョウ</t>
    </rPh>
    <rPh sb="22" eb="23">
      <t>ナド</t>
    </rPh>
    <rPh sb="27" eb="29">
      <t>ギョウム</t>
    </rPh>
    <rPh sb="29" eb="31">
      <t>ホジョ</t>
    </rPh>
    <rPh sb="34" eb="38">
      <t>ジッシュウセイカ</t>
    </rPh>
    <rPh sb="42" eb="44">
      <t>ハッピョウ</t>
    </rPh>
    <phoneticPr fontId="3"/>
  </si>
  <si>
    <t>浄水施設工事の設計・積算業務補助
　・浄水場施設工事設計に伴う工法選定等のチェック
　及び資料作成補助
　・数量計算・構造計算等のチェック
現場調査
　・浄水場施設工事建設現場の視察</t>
    <rPh sb="0" eb="2">
      <t>ジョウスイ</t>
    </rPh>
    <rPh sb="2" eb="4">
      <t>シセツ</t>
    </rPh>
    <rPh sb="4" eb="6">
      <t>コウジ</t>
    </rPh>
    <rPh sb="7" eb="9">
      <t>セッケイ</t>
    </rPh>
    <rPh sb="10" eb="12">
      <t>セキサン</t>
    </rPh>
    <rPh sb="12" eb="14">
      <t>ギョウム</t>
    </rPh>
    <rPh sb="14" eb="16">
      <t>ホジョ</t>
    </rPh>
    <rPh sb="19" eb="22">
      <t>ジョウスイジョウ</t>
    </rPh>
    <rPh sb="22" eb="24">
      <t>シセツ</t>
    </rPh>
    <rPh sb="24" eb="26">
      <t>コウジ</t>
    </rPh>
    <rPh sb="26" eb="28">
      <t>セッケイ</t>
    </rPh>
    <rPh sb="29" eb="30">
      <t>トモナ</t>
    </rPh>
    <rPh sb="31" eb="33">
      <t>コウホウ</t>
    </rPh>
    <rPh sb="33" eb="35">
      <t>センテイ</t>
    </rPh>
    <rPh sb="35" eb="36">
      <t>トウ</t>
    </rPh>
    <rPh sb="43" eb="44">
      <t>オヨ</t>
    </rPh>
    <rPh sb="45" eb="47">
      <t>シリョウ</t>
    </rPh>
    <rPh sb="47" eb="49">
      <t>サクセイ</t>
    </rPh>
    <rPh sb="49" eb="51">
      <t>ホジョ</t>
    </rPh>
    <rPh sb="54" eb="56">
      <t>スウリョウ</t>
    </rPh>
    <rPh sb="56" eb="58">
      <t>ケイサン</t>
    </rPh>
    <rPh sb="59" eb="61">
      <t>コウゾウ</t>
    </rPh>
    <rPh sb="61" eb="63">
      <t>ケイサン</t>
    </rPh>
    <rPh sb="63" eb="64">
      <t>トウ</t>
    </rPh>
    <rPh sb="71" eb="73">
      <t>ゲンバ</t>
    </rPh>
    <rPh sb="73" eb="75">
      <t>チョウサ</t>
    </rPh>
    <rPh sb="78" eb="81">
      <t>ジョウスイジョウ</t>
    </rPh>
    <rPh sb="81" eb="83">
      <t>シセツ</t>
    </rPh>
    <rPh sb="83" eb="85">
      <t>コウジ</t>
    </rPh>
    <rPh sb="85" eb="87">
      <t>ケンセツ</t>
    </rPh>
    <rPh sb="87" eb="89">
      <t>ゲンバ</t>
    </rPh>
    <rPh sb="90" eb="92">
      <t>シサツ</t>
    </rPh>
    <phoneticPr fontId="3"/>
  </si>
  <si>
    <t>建設部 
管路設計課</t>
    <rPh sb="0" eb="3">
      <t>ケン</t>
    </rPh>
    <rPh sb="5" eb="7">
      <t>カンロ</t>
    </rPh>
    <rPh sb="7" eb="9">
      <t>セッケイ</t>
    </rPh>
    <rPh sb="9" eb="10">
      <t>カ</t>
    </rPh>
    <phoneticPr fontId="3"/>
  </si>
  <si>
    <t>多摩水道改革推進本部
調整部技術指導課
技術担当、計画担当、工務担当</t>
    <rPh sb="0" eb="2">
      <t>タマ</t>
    </rPh>
    <rPh sb="2" eb="4">
      <t>スイドウ</t>
    </rPh>
    <rPh sb="4" eb="6">
      <t>カイカク</t>
    </rPh>
    <rPh sb="6" eb="8">
      <t>スイシン</t>
    </rPh>
    <rPh sb="8" eb="10">
      <t>ホンブ</t>
    </rPh>
    <rPh sb="11" eb="13">
      <t>チョウセイ</t>
    </rPh>
    <rPh sb="13" eb="14">
      <t>ブ</t>
    </rPh>
    <rPh sb="14" eb="16">
      <t>ギジュツ</t>
    </rPh>
    <rPh sb="16" eb="18">
      <t>シドウ</t>
    </rPh>
    <rPh sb="18" eb="19">
      <t>カ</t>
    </rPh>
    <rPh sb="20" eb="22">
      <t>ギジュツ</t>
    </rPh>
    <rPh sb="22" eb="24">
      <t>タントウ</t>
    </rPh>
    <rPh sb="25" eb="27">
      <t>ケイカク</t>
    </rPh>
    <rPh sb="27" eb="29">
      <t>タントウ</t>
    </rPh>
    <rPh sb="30" eb="32">
      <t>コウム</t>
    </rPh>
    <rPh sb="32" eb="34">
      <t>タントウ</t>
    </rPh>
    <phoneticPr fontId="3"/>
  </si>
  <si>
    <t>・業務概要説明
・水道施設の計画調査に関する業務の補助
・現場視察</t>
    <rPh sb="1" eb="3">
      <t>ギョウム</t>
    </rPh>
    <rPh sb="3" eb="5">
      <t>ガイヨウ</t>
    </rPh>
    <rPh sb="5" eb="7">
      <t>セツメイ</t>
    </rPh>
    <phoneticPr fontId="5"/>
  </si>
  <si>
    <t>(水)</t>
  </si>
  <si>
    <t>東京都立川市緑町6-7
多摩都市モノレール　
高松駅　徒歩3分
(公用車で現場へ移動しての実習有）</t>
    <rPh sb="0" eb="2">
      <t>トウキョウ</t>
    </rPh>
    <rPh sb="2" eb="3">
      <t>ト</t>
    </rPh>
    <rPh sb="3" eb="5">
      <t>タチカワ</t>
    </rPh>
    <rPh sb="5" eb="6">
      <t>シ</t>
    </rPh>
    <rPh sb="6" eb="7">
      <t>ミドリ</t>
    </rPh>
    <rPh sb="7" eb="8">
      <t>マチ</t>
    </rPh>
    <rPh sb="12" eb="14">
      <t>タマ</t>
    </rPh>
    <rPh sb="14" eb="16">
      <t>トシ</t>
    </rPh>
    <rPh sb="23" eb="25">
      <t>タカマツ</t>
    </rPh>
    <rPh sb="25" eb="26">
      <t>エキ</t>
    </rPh>
    <rPh sb="27" eb="29">
      <t>トホ</t>
    </rPh>
    <rPh sb="30" eb="31">
      <t>プン</t>
    </rPh>
    <rPh sb="33" eb="36">
      <t>コウヨウシャ</t>
    </rPh>
    <rPh sb="37" eb="39">
      <t>ゲンバ</t>
    </rPh>
    <rPh sb="40" eb="42">
      <t>イドウ</t>
    </rPh>
    <rPh sb="45" eb="47">
      <t>ジッシュウ</t>
    </rPh>
    <rPh sb="47" eb="48">
      <t>アリ</t>
    </rPh>
    <phoneticPr fontId="3"/>
  </si>
  <si>
    <t>1　多摩地区における大規模水道施設整備に係る設計・積算及び調整業務の補助
2　多摩地区における大規模水道施設整備に係る工事監督業務の補助
　水道送配水管の新設・更新、給水所等施設整備の設計及び工事監督業務の経験。
　実習最終日に、若手職員との意見交換と実習報告会を予定しています。</t>
  </si>
  <si>
    <t>土木工学
衛生工学</t>
    <rPh sb="0" eb="2">
      <t>ドボク</t>
    </rPh>
    <rPh sb="2" eb="4">
      <t>コウガク</t>
    </rPh>
    <rPh sb="5" eb="7">
      <t>エイセイ</t>
    </rPh>
    <rPh sb="7" eb="9">
      <t>コウガク</t>
    </rPh>
    <phoneticPr fontId="5"/>
  </si>
  <si>
    <t>・９月11日（月曜日）に、局全体ガイダンス等を実施予定です。</t>
    <phoneticPr fontId="5"/>
  </si>
  <si>
    <t>・９月11日（月曜日）に、局全体ガイダンス等を実施予定です。
・下水道事業の政策に関心がある方
・人数は土木２人・機械電気１人・環境検査１人</t>
    <rPh sb="52" eb="54">
      <t>ドボク</t>
    </rPh>
    <rPh sb="55" eb="56">
      <t>ニン</t>
    </rPh>
    <rPh sb="59" eb="61">
      <t>デンキ</t>
    </rPh>
    <rPh sb="64" eb="66">
      <t>カンキョウ</t>
    </rPh>
    <rPh sb="66" eb="68">
      <t>ケンサ</t>
    </rPh>
    <rPh sb="69" eb="70">
      <t>ニン</t>
    </rPh>
    <phoneticPr fontId="5"/>
  </si>
  <si>
    <t>土木
機械
電気</t>
    <rPh sb="0" eb="2">
      <t>ドボク</t>
    </rPh>
    <phoneticPr fontId="3"/>
  </si>
  <si>
    <t>・土木工学
・機械工学
・電気工学
・衛生工学</t>
    <rPh sb="1" eb="3">
      <t>ドボク</t>
    </rPh>
    <rPh sb="3" eb="5">
      <t>コウガク</t>
    </rPh>
    <rPh sb="19" eb="21">
      <t>エイセイ</t>
    </rPh>
    <rPh sb="21" eb="22">
      <t>コウ</t>
    </rPh>
    <rPh sb="22" eb="23">
      <t>ガク</t>
    </rPh>
    <phoneticPr fontId="3"/>
  </si>
  <si>
    <t>・９月11日（月曜日）に、局全体ガイダンス等を実施予定です。
・下水道事業の政策に関心がある方
・人数は土木２人・機械電気１人</t>
    <phoneticPr fontId="5"/>
  </si>
  <si>
    <t>機械
電気
環境検査</t>
    <rPh sb="0" eb="2">
      <t>キカイ</t>
    </rPh>
    <rPh sb="3" eb="5">
      <t>デンキ</t>
    </rPh>
    <rPh sb="6" eb="8">
      <t>カンキョウ</t>
    </rPh>
    <rPh sb="8" eb="10">
      <t>ケンサ</t>
    </rPh>
    <phoneticPr fontId="3"/>
  </si>
  <si>
    <t>1　汚泥処理技術の開発に関する補助業務
2　水処理技術の開発に関する補助業務
3　新技術の開発に関する補助業務
4　技術資料作成補助業務</t>
    <phoneticPr fontId="5"/>
  </si>
  <si>
    <t>・９月11日（月曜日）に、局全体ガイダンス等を実施予定です。
・下水道事業の政策に関心がある方
・人数は機械電気２人・環境検査１人</t>
    <phoneticPr fontId="5"/>
  </si>
  <si>
    <t>・９月11日（月曜日）に、局全体ガイダンス等を実施予定です。
・下水道事業の政策に関心がある方
・現場パトロールあり
・人数は土木１人・機械電気２人</t>
    <rPh sb="49" eb="51">
      <t>ゲンバ</t>
    </rPh>
    <phoneticPr fontId="3"/>
  </si>
  <si>
    <r>
      <t>下水道管路施設の維持管理業務の補助
・管きょ補修工事等の現場の安全パトロール
・その他業務</t>
    </r>
    <r>
      <rPr>
        <strike/>
        <sz val="9"/>
        <rFont val="ＭＳ Ｐゴシック"/>
        <family val="3"/>
        <charset val="128"/>
      </rPr>
      <t/>
    </r>
    <rPh sb="22" eb="24">
      <t>ホシュウ</t>
    </rPh>
    <rPh sb="24" eb="26">
      <t>コウジ</t>
    </rPh>
    <rPh sb="26" eb="27">
      <t>ナド</t>
    </rPh>
    <rPh sb="43" eb="45">
      <t>ギョウム</t>
    </rPh>
    <phoneticPr fontId="5"/>
  </si>
  <si>
    <t>・９月11日（月曜日）に、局全体ガイダンス等を実施予定です。
・下水道事業に関心のある方
・現場での業務あり</t>
    <phoneticPr fontId="5"/>
  </si>
  <si>
    <t>・機械工学
・電気工学</t>
    <rPh sb="1" eb="3">
      <t>キカイ</t>
    </rPh>
    <rPh sb="3" eb="5">
      <t>コウガク</t>
    </rPh>
    <rPh sb="7" eb="9">
      <t>デンキ</t>
    </rPh>
    <rPh sb="9" eb="11">
      <t>コウガク</t>
    </rPh>
    <phoneticPr fontId="3"/>
  </si>
  <si>
    <t>・９月11日（月曜日）に、局全体ガイダンス等を実施予定です。
・下水道事業に関心のある方</t>
    <phoneticPr fontId="5"/>
  </si>
  <si>
    <t>水再生センター、ポンプ所の保全管理業務補助
　・下水道設備に関する故障分析補助
　・工事現場の安全管理に関する業務補助
　・下水道施設見学者対応設備管理補助</t>
    <rPh sb="0" eb="1">
      <t>ミズ</t>
    </rPh>
    <rPh sb="1" eb="3">
      <t>サイセイ</t>
    </rPh>
    <rPh sb="11" eb="12">
      <t>ショ</t>
    </rPh>
    <rPh sb="13" eb="15">
      <t>ホゼン</t>
    </rPh>
    <rPh sb="15" eb="17">
      <t>カンリ</t>
    </rPh>
    <rPh sb="30" eb="31">
      <t>カン</t>
    </rPh>
    <rPh sb="42" eb="44">
      <t>コウジ</t>
    </rPh>
    <rPh sb="44" eb="46">
      <t>ゲンバ</t>
    </rPh>
    <rPh sb="47" eb="49">
      <t>アンゼン</t>
    </rPh>
    <rPh sb="49" eb="51">
      <t>カンリ</t>
    </rPh>
    <rPh sb="52" eb="53">
      <t>カン</t>
    </rPh>
    <rPh sb="55" eb="57">
      <t>ギョウム</t>
    </rPh>
    <rPh sb="57" eb="59">
      <t>ホジョ</t>
    </rPh>
    <rPh sb="62" eb="65">
      <t>ゲスイドウ</t>
    </rPh>
    <rPh sb="65" eb="67">
      <t>シセツ</t>
    </rPh>
    <rPh sb="67" eb="70">
      <t>ケンガクシャ</t>
    </rPh>
    <rPh sb="70" eb="72">
      <t>タイオウ</t>
    </rPh>
    <rPh sb="72" eb="74">
      <t>セツビ</t>
    </rPh>
    <rPh sb="74" eb="76">
      <t>カンリ</t>
    </rPh>
    <rPh sb="76" eb="78">
      <t>ホジョ</t>
    </rPh>
    <phoneticPr fontId="5"/>
  </si>
  <si>
    <t>・９月11日（月曜日）に、局全体ガイダンス等を実施予定です。
・下水道事業に関心のある方
・現場での業務あり</t>
    <rPh sb="32" eb="35">
      <t>ゲスイドウ</t>
    </rPh>
    <rPh sb="35" eb="37">
      <t>ジギョウ</t>
    </rPh>
    <rPh sb="38" eb="40">
      <t>カンシン</t>
    </rPh>
    <rPh sb="43" eb="44">
      <t>カタ</t>
    </rPh>
    <rPh sb="46" eb="48">
      <t>ゲンバ</t>
    </rPh>
    <rPh sb="50" eb="52">
      <t>ギョウム</t>
    </rPh>
    <phoneticPr fontId="5"/>
  </si>
  <si>
    <t>１　調整業務補助
２　設計事務補助</t>
    <rPh sb="2" eb="4">
      <t>チョウセイ</t>
    </rPh>
    <rPh sb="4" eb="6">
      <t>ギョウム</t>
    </rPh>
    <rPh sb="6" eb="8">
      <t>ホジョ</t>
    </rPh>
    <rPh sb="11" eb="13">
      <t>セッケイ</t>
    </rPh>
    <rPh sb="13" eb="15">
      <t>ジム</t>
    </rPh>
    <rPh sb="15" eb="17">
      <t>ホジョ</t>
    </rPh>
    <phoneticPr fontId="5"/>
  </si>
  <si>
    <t>・９月11日（月曜日）に、局全体ガイダンス等を実施予定です。
・下水処理プラント設備に関心のある方
・人数は機械3人・電気3人</t>
    <rPh sb="40" eb="42">
      <t>セツビ</t>
    </rPh>
    <rPh sb="51" eb="53">
      <t>ニンズウ</t>
    </rPh>
    <rPh sb="54" eb="56">
      <t>キカイ</t>
    </rPh>
    <rPh sb="57" eb="58">
      <t>ニン</t>
    </rPh>
    <rPh sb="59" eb="61">
      <t>デンキ</t>
    </rPh>
    <rPh sb="62" eb="63">
      <t>ニン</t>
    </rPh>
    <phoneticPr fontId="3"/>
  </si>
  <si>
    <t>文化振興部
文化事業課
文化施設整備担当</t>
    <rPh sb="0" eb="2">
      <t>ブンカ</t>
    </rPh>
    <rPh sb="2" eb="4">
      <t>シンコウ</t>
    </rPh>
    <rPh sb="4" eb="5">
      <t>ブ</t>
    </rPh>
    <rPh sb="6" eb="8">
      <t>ブンカ</t>
    </rPh>
    <rPh sb="8" eb="11">
      <t>ジギョウカ</t>
    </rPh>
    <rPh sb="12" eb="14">
      <t>ブンカ</t>
    </rPh>
    <rPh sb="14" eb="16">
      <t>シセツ</t>
    </rPh>
    <rPh sb="16" eb="18">
      <t>セイビ</t>
    </rPh>
    <rPh sb="18" eb="20">
      <t>タントウ</t>
    </rPh>
    <phoneticPr fontId="5"/>
  </si>
  <si>
    <t>本庁舎、都立文化施設</t>
    <rPh sb="0" eb="1">
      <t>ホン</t>
    </rPh>
    <rPh sb="1" eb="3">
      <t>チョウシャ</t>
    </rPh>
    <rPh sb="4" eb="6">
      <t>トリツ</t>
    </rPh>
    <rPh sb="6" eb="8">
      <t>ブンカ</t>
    </rPh>
    <rPh sb="8" eb="10">
      <t>シセツ</t>
    </rPh>
    <phoneticPr fontId="5"/>
  </si>
  <si>
    <t>・都立文化施設の維持保全業務概要説明
・都立文化施設現地見学
・営繕関係業務補助　等</t>
    <rPh sb="3" eb="5">
      <t>ブンカ</t>
    </rPh>
    <rPh sb="22" eb="24">
      <t>ブンカ</t>
    </rPh>
    <phoneticPr fontId="5"/>
  </si>
  <si>
    <t>電気工学</t>
    <phoneticPr fontId="5"/>
  </si>
  <si>
    <t>施設・設備の維持保全業務に関心のある方</t>
    <rPh sb="0" eb="2">
      <t>シセツ</t>
    </rPh>
    <rPh sb="3" eb="5">
      <t>セツビ</t>
    </rPh>
    <rPh sb="6" eb="8">
      <t>イジ</t>
    </rPh>
    <rPh sb="8" eb="10">
      <t>ホゼン</t>
    </rPh>
    <rPh sb="10" eb="12">
      <t>ギョウム</t>
    </rPh>
    <phoneticPr fontId="5"/>
  </si>
  <si>
    <t>本庁舎</t>
    <rPh sb="0" eb="3">
      <t>ホンチョウシャ</t>
    </rPh>
    <phoneticPr fontId="5"/>
  </si>
  <si>
    <t>スポーツ施設部
施設整備課
電気技術担当</t>
    <rPh sb="4" eb="6">
      <t>シセツ</t>
    </rPh>
    <rPh sb="6" eb="7">
      <t>ブ</t>
    </rPh>
    <rPh sb="8" eb="10">
      <t>シセツ</t>
    </rPh>
    <rPh sb="10" eb="12">
      <t>セイビ</t>
    </rPh>
    <rPh sb="12" eb="13">
      <t>カ</t>
    </rPh>
    <rPh sb="14" eb="16">
      <t>デンキ</t>
    </rPh>
    <rPh sb="16" eb="18">
      <t>ギジュツ</t>
    </rPh>
    <rPh sb="18" eb="20">
      <t>タントウ</t>
    </rPh>
    <phoneticPr fontId="5"/>
  </si>
  <si>
    <t>・都立スポーツ施設の維持保全業務概要説明
・都立スポーツ施設現地見学
・営繕関係業務補助　等</t>
    <phoneticPr fontId="5"/>
  </si>
  <si>
    <t>電気・電子・情報工学</t>
    <rPh sb="0" eb="2">
      <t>デンキ</t>
    </rPh>
    <rPh sb="3" eb="5">
      <t>デンシ</t>
    </rPh>
    <rPh sb="6" eb="8">
      <t>ジョウホウ</t>
    </rPh>
    <rPh sb="8" eb="10">
      <t>コウガク</t>
    </rPh>
    <phoneticPr fontId="5"/>
  </si>
  <si>
    <t>スポーツ振興及び関連施設、設備に関心のある方</t>
    <phoneticPr fontId="5"/>
  </si>
  <si>
    <t>スポーツ施設部
施設整備課
機械技術担当</t>
    <rPh sb="4" eb="6">
      <t>シセツ</t>
    </rPh>
    <rPh sb="6" eb="7">
      <t>ブ</t>
    </rPh>
    <rPh sb="8" eb="10">
      <t>シセツ</t>
    </rPh>
    <rPh sb="10" eb="12">
      <t>セイビ</t>
    </rPh>
    <rPh sb="12" eb="13">
      <t>カ</t>
    </rPh>
    <rPh sb="14" eb="16">
      <t>キカイ</t>
    </rPh>
    <rPh sb="16" eb="18">
      <t>ギジュツ</t>
    </rPh>
    <rPh sb="18" eb="20">
      <t>タントウ</t>
    </rPh>
    <phoneticPr fontId="5"/>
  </si>
  <si>
    <t>機械</t>
    <rPh sb="0" eb="2">
      <t>キカイ</t>
    </rPh>
    <phoneticPr fontId="5"/>
  </si>
  <si>
    <t>計量検定所
管理指導課
検定課
検査課</t>
    <rPh sb="0" eb="2">
      <t>ケイリョウ</t>
    </rPh>
    <rPh sb="2" eb="4">
      <t>ケンテイ</t>
    </rPh>
    <rPh sb="4" eb="5">
      <t>ジョ</t>
    </rPh>
    <rPh sb="6" eb="8">
      <t>カンリ</t>
    </rPh>
    <rPh sb="8" eb="11">
      <t>シドウカ</t>
    </rPh>
    <rPh sb="12" eb="14">
      <t>ケンテイ</t>
    </rPh>
    <rPh sb="14" eb="15">
      <t>カ</t>
    </rPh>
    <rPh sb="16" eb="19">
      <t>ケンサカ</t>
    </rPh>
    <phoneticPr fontId="5"/>
  </si>
  <si>
    <t>計量検定所</t>
    <phoneticPr fontId="5"/>
  </si>
  <si>
    <t>計量法における計量器規制業務の見学及び事務補助
１　取引・証明用計量器に関わる検査業務の立会及び実習
２　タクシーメーター検査場の見学</t>
    <phoneticPr fontId="5"/>
  </si>
  <si>
    <t>不問</t>
    <phoneticPr fontId="5"/>
  </si>
  <si>
    <t>本庁舎　他
（現場調査）</t>
  </si>
  <si>
    <t>都市基盤部
街路計画課
区部総括担当</t>
    <rPh sb="0" eb="2">
      <t>トシ</t>
    </rPh>
    <rPh sb="2" eb="4">
      <t>キバン</t>
    </rPh>
    <rPh sb="4" eb="5">
      <t>ブ</t>
    </rPh>
    <rPh sb="6" eb="8">
      <t>ガイロ</t>
    </rPh>
    <rPh sb="8" eb="10">
      <t>ケイカク</t>
    </rPh>
    <rPh sb="10" eb="11">
      <t>カ</t>
    </rPh>
    <rPh sb="12" eb="14">
      <t>クブ</t>
    </rPh>
    <rPh sb="14" eb="16">
      <t>ソウカツ</t>
    </rPh>
    <rPh sb="16" eb="18">
      <t>タントウ</t>
    </rPh>
    <phoneticPr fontId="5"/>
  </si>
  <si>
    <t>都市計画道路等の検討業務補助、現地調査等</t>
  </si>
  <si>
    <t>土木
または
建築</t>
    <rPh sb="0" eb="2">
      <t>ドボク</t>
    </rPh>
    <rPh sb="7" eb="9">
      <t>ケンチク</t>
    </rPh>
    <phoneticPr fontId="5"/>
  </si>
  <si>
    <t>本庁舎
他（現場調査）</t>
    <phoneticPr fontId="5"/>
  </si>
  <si>
    <t>土地区画整理事業・市街地再開発事業等事務補助、現場視察</t>
    <phoneticPr fontId="5"/>
  </si>
  <si>
    <t>土木または建築職種のうち、まちづくりに関心がある者</t>
    <phoneticPr fontId="5"/>
  </si>
  <si>
    <t xml:space="preserve">市街地建築部
建築指導課
指導担当
構造設備担当
検査担当
</t>
    <rPh sb="0" eb="3">
      <t>シガイチ</t>
    </rPh>
    <rPh sb="3" eb="5">
      <t>ケンチク</t>
    </rPh>
    <rPh sb="5" eb="6">
      <t>ブ</t>
    </rPh>
    <rPh sb="7" eb="9">
      <t>ケンチク</t>
    </rPh>
    <rPh sb="9" eb="11">
      <t>シドウ</t>
    </rPh>
    <rPh sb="11" eb="12">
      <t>カ</t>
    </rPh>
    <rPh sb="13" eb="15">
      <t>シドウ</t>
    </rPh>
    <rPh sb="15" eb="17">
      <t>タントウ</t>
    </rPh>
    <rPh sb="18" eb="20">
      <t>コウゾウ</t>
    </rPh>
    <rPh sb="20" eb="22">
      <t>セツビ</t>
    </rPh>
    <rPh sb="22" eb="24">
      <t>タントウ</t>
    </rPh>
    <rPh sb="25" eb="27">
      <t>ケンサ</t>
    </rPh>
    <rPh sb="27" eb="29">
      <t>タントウ</t>
    </rPh>
    <phoneticPr fontId="5"/>
  </si>
  <si>
    <t>窓口対応、書類審査、現場検査等（各担当の受け持ちは半日を目途に、各補助業務に取り組んでいただくイメージ）</t>
    <rPh sb="0" eb="2">
      <t>マドグチ</t>
    </rPh>
    <rPh sb="2" eb="4">
      <t>タイオウ</t>
    </rPh>
    <rPh sb="5" eb="7">
      <t>ショルイ</t>
    </rPh>
    <rPh sb="7" eb="9">
      <t>シンサ</t>
    </rPh>
    <rPh sb="10" eb="12">
      <t>ゲンバ</t>
    </rPh>
    <rPh sb="12" eb="14">
      <t>ケンサ</t>
    </rPh>
    <rPh sb="14" eb="15">
      <t>ナド</t>
    </rPh>
    <rPh sb="16" eb="19">
      <t>カクタントウ</t>
    </rPh>
    <rPh sb="20" eb="21">
      <t>ウ</t>
    </rPh>
    <rPh sb="22" eb="23">
      <t>モ</t>
    </rPh>
    <rPh sb="25" eb="27">
      <t>ハンニチ</t>
    </rPh>
    <rPh sb="28" eb="30">
      <t>メド</t>
    </rPh>
    <rPh sb="32" eb="33">
      <t>カク</t>
    </rPh>
    <rPh sb="33" eb="35">
      <t>ホジョ</t>
    </rPh>
    <rPh sb="35" eb="37">
      <t>ギョウム</t>
    </rPh>
    <rPh sb="38" eb="39">
      <t>ト</t>
    </rPh>
    <rPh sb="40" eb="41">
      <t>ク</t>
    </rPh>
    <phoneticPr fontId="5"/>
  </si>
  <si>
    <t>第一市街地整備事務所
事業課／工事課／選手村跡地整備課</t>
    <rPh sb="0" eb="10">
      <t>ダイイチシガイチセイビジムショ</t>
    </rPh>
    <rPh sb="11" eb="13">
      <t>ジギョウ</t>
    </rPh>
    <rPh sb="13" eb="14">
      <t>カ</t>
    </rPh>
    <rPh sb="15" eb="18">
      <t>コウジカ</t>
    </rPh>
    <rPh sb="19" eb="27">
      <t>センシュムラアトチセイビカ</t>
    </rPh>
    <phoneticPr fontId="5"/>
  </si>
  <si>
    <t>東京都第一市街地整備事務所
中央区勝どき1-7-3勝どきサンスクェア</t>
    <rPh sb="0" eb="13">
      <t>トウキョウトダイイチシガイチセイビジムショ</t>
    </rPh>
    <phoneticPr fontId="5"/>
  </si>
  <si>
    <t>土地区画整理事業・特定整備路線（街路事業）・選手村跡地整備等事務補助、現場視察</t>
    <rPh sb="9" eb="11">
      <t>トクテイ</t>
    </rPh>
    <rPh sb="11" eb="13">
      <t>セイビ</t>
    </rPh>
    <rPh sb="13" eb="15">
      <t>ロセン</t>
    </rPh>
    <rPh sb="16" eb="18">
      <t>ガイロ</t>
    </rPh>
    <rPh sb="18" eb="20">
      <t>ジギョウ</t>
    </rPh>
    <rPh sb="22" eb="29">
      <t>センシュムラアトチセイビ</t>
    </rPh>
    <phoneticPr fontId="5"/>
  </si>
  <si>
    <t>まちづくりに関心がある者</t>
    <phoneticPr fontId="5"/>
  </si>
  <si>
    <t>第二市街地整備事務所事業課</t>
    <rPh sb="0" eb="13">
      <t>ダイニシガイチセイビジムショジギョウカ</t>
    </rPh>
    <phoneticPr fontId="5"/>
  </si>
  <si>
    <t>事業課関係業務（現場調査、資料作成、他事業者状況調査）その他</t>
    <rPh sb="0" eb="2">
      <t>ジギョウ</t>
    </rPh>
    <rPh sb="2" eb="3">
      <t>カ</t>
    </rPh>
    <rPh sb="3" eb="7">
      <t>カンケイギョウム</t>
    </rPh>
    <rPh sb="8" eb="12">
      <t>ゲンバチョウサ</t>
    </rPh>
    <rPh sb="13" eb="17">
      <t>シリョウサクセイ</t>
    </rPh>
    <rPh sb="18" eb="22">
      <t>タジギョウシャ</t>
    </rPh>
    <rPh sb="22" eb="26">
      <t>ジョウキョウチョウサ</t>
    </rPh>
    <rPh sb="29" eb="30">
      <t>タ</t>
    </rPh>
    <phoneticPr fontId="5"/>
  </si>
  <si>
    <t>〇</t>
    <phoneticPr fontId="5"/>
  </si>
  <si>
    <t>西部住宅建設事務所
計画課 調整担当／建設課 工務担当</t>
    <rPh sb="0" eb="2">
      <t>セイブ</t>
    </rPh>
    <rPh sb="2" eb="4">
      <t>ジュウタク</t>
    </rPh>
    <rPh sb="4" eb="6">
      <t>ケンセツ</t>
    </rPh>
    <rPh sb="6" eb="8">
      <t>ジム</t>
    </rPh>
    <rPh sb="8" eb="9">
      <t>ショ</t>
    </rPh>
    <rPh sb="10" eb="12">
      <t>ケイカク</t>
    </rPh>
    <rPh sb="12" eb="13">
      <t>カ</t>
    </rPh>
    <rPh sb="14" eb="16">
      <t>チョウセイ</t>
    </rPh>
    <rPh sb="16" eb="18">
      <t>タントウ</t>
    </rPh>
    <rPh sb="19" eb="21">
      <t>ケンセツ</t>
    </rPh>
    <rPh sb="21" eb="22">
      <t>カ</t>
    </rPh>
    <rPh sb="23" eb="25">
      <t>コウム</t>
    </rPh>
    <rPh sb="25" eb="27">
      <t>タントウ</t>
    </rPh>
    <phoneticPr fontId="5"/>
  </si>
  <si>
    <t>(木)</t>
  </si>
  <si>
    <t>都営住宅建設事業に関する業務体験（計画、設計、工事 等）
現地調査、工事現場等視察</t>
    <rPh sb="0" eb="2">
      <t>トエイ</t>
    </rPh>
    <rPh sb="2" eb="4">
      <t>ジュウタク</t>
    </rPh>
    <rPh sb="4" eb="6">
      <t>ケンセツ</t>
    </rPh>
    <rPh sb="6" eb="8">
      <t>ジギョウ</t>
    </rPh>
    <rPh sb="9" eb="10">
      <t>カン</t>
    </rPh>
    <rPh sb="12" eb="14">
      <t>ギョウム</t>
    </rPh>
    <rPh sb="14" eb="16">
      <t>タイケン</t>
    </rPh>
    <rPh sb="17" eb="19">
      <t>ケイカク</t>
    </rPh>
    <rPh sb="20" eb="22">
      <t>セッケイ</t>
    </rPh>
    <rPh sb="23" eb="25">
      <t>コウジ</t>
    </rPh>
    <rPh sb="26" eb="27">
      <t>トウ</t>
    </rPh>
    <rPh sb="29" eb="31">
      <t>ゲンチ</t>
    </rPh>
    <rPh sb="31" eb="33">
      <t>チョウサ</t>
    </rPh>
    <rPh sb="34" eb="36">
      <t>コウジ</t>
    </rPh>
    <rPh sb="36" eb="38">
      <t>ゲンバ</t>
    </rPh>
    <rPh sb="38" eb="39">
      <t>トウ</t>
    </rPh>
    <rPh sb="39" eb="41">
      <t>シサツ</t>
    </rPh>
    <phoneticPr fontId="5"/>
  </si>
  <si>
    <t>建設局</t>
    <phoneticPr fontId="5"/>
  </si>
  <si>
    <t>総務部
企画課/技術管理課</t>
    <rPh sb="0" eb="2">
      <t>ソウム</t>
    </rPh>
    <rPh sb="2" eb="3">
      <t>ブ</t>
    </rPh>
    <rPh sb="4" eb="6">
      <t>キカク</t>
    </rPh>
    <rPh sb="6" eb="7">
      <t>カ</t>
    </rPh>
    <rPh sb="8" eb="10">
      <t>ギジュツ</t>
    </rPh>
    <rPh sb="10" eb="12">
      <t>カンリ</t>
    </rPh>
    <rPh sb="12" eb="13">
      <t>カ</t>
    </rPh>
    <phoneticPr fontId="3"/>
  </si>
  <si>
    <t>建設局事業の企画・技術管理等に係る事務補助（資料作成補助等）</t>
    <rPh sb="0" eb="2">
      <t>ケンセツ</t>
    </rPh>
    <rPh sb="2" eb="3">
      <t>キョク</t>
    </rPh>
    <rPh sb="3" eb="5">
      <t>ジギョウ</t>
    </rPh>
    <rPh sb="9" eb="11">
      <t>ギジュツ</t>
    </rPh>
    <rPh sb="11" eb="13">
      <t>カンリ</t>
    </rPh>
    <rPh sb="28" eb="29">
      <t>トウ</t>
    </rPh>
    <phoneticPr fontId="6"/>
  </si>
  <si>
    <t>(水)</t>
    <rPh sb="1" eb="2">
      <t>ミズ</t>
    </rPh>
    <phoneticPr fontId="5"/>
  </si>
  <si>
    <t>河川部
計画課</t>
    <rPh sb="4" eb="6">
      <t>ケイカク</t>
    </rPh>
    <rPh sb="6" eb="7">
      <t>カ</t>
    </rPh>
    <phoneticPr fontId="3"/>
  </si>
  <si>
    <t>河川事業の計画策定に係る事務補助（現場調査、資料作成補助等）</t>
    <rPh sb="0" eb="2">
      <t>カセン</t>
    </rPh>
    <rPh sb="2" eb="4">
      <t>ジギョウ</t>
    </rPh>
    <rPh sb="5" eb="7">
      <t>ケイカク</t>
    </rPh>
    <rPh sb="7" eb="9">
      <t>サクテイ</t>
    </rPh>
    <rPh sb="10" eb="11">
      <t>カカ</t>
    </rPh>
    <rPh sb="12" eb="14">
      <t>ジム</t>
    </rPh>
    <rPh sb="14" eb="16">
      <t>ホジョ</t>
    </rPh>
    <rPh sb="17" eb="19">
      <t>ゲンバ</t>
    </rPh>
    <rPh sb="19" eb="21">
      <t>チョウサ</t>
    </rPh>
    <rPh sb="22" eb="24">
      <t>シリョウ</t>
    </rPh>
    <rPh sb="24" eb="26">
      <t>サクセイ</t>
    </rPh>
    <rPh sb="26" eb="28">
      <t>ホジョ</t>
    </rPh>
    <rPh sb="28" eb="29">
      <t>トウ</t>
    </rPh>
    <phoneticPr fontId="6"/>
  </si>
  <si>
    <t>東京都品川区広町
2-1-36
品川区総合庁舎8階　
JR大井町駅より徒歩10分</t>
    <rPh sb="18" eb="19">
      <t>ク</t>
    </rPh>
    <phoneticPr fontId="5"/>
  </si>
  <si>
    <t>第三建設事務所
工事第一課</t>
    <rPh sb="0" eb="1">
      <t>ダイ</t>
    </rPh>
    <rPh sb="1" eb="2">
      <t>サン</t>
    </rPh>
    <rPh sb="2" eb="4">
      <t>ケンセツ</t>
    </rPh>
    <rPh sb="4" eb="6">
      <t>ジム</t>
    </rPh>
    <rPh sb="6" eb="7">
      <t>ショ</t>
    </rPh>
    <rPh sb="8" eb="10">
      <t>コウジ</t>
    </rPh>
    <rPh sb="10" eb="12">
      <t>ダイイチ</t>
    </rPh>
    <rPh sb="12" eb="13">
      <t>カ</t>
    </rPh>
    <phoneticPr fontId="3"/>
  </si>
  <si>
    <t>(月)</t>
    <rPh sb="1" eb="2">
      <t>ゲツ</t>
    </rPh>
    <phoneticPr fontId="5"/>
  </si>
  <si>
    <t>道路整備等の概要説明、実地体験、現地調査　等</t>
  </si>
  <si>
    <t>土木工学を学んでいる方、または道路行政に高い関心がある方</t>
  </si>
  <si>
    <t>うち3日間
詳細日程は実習生決定後に調整。</t>
    <phoneticPr fontId="5"/>
  </si>
  <si>
    <t>○</t>
    <phoneticPr fontId="5"/>
  </si>
  <si>
    <t>南多摩西部建設事務所
工事課・補修課</t>
    <rPh sb="0" eb="10">
      <t>ナンセイ</t>
    </rPh>
    <rPh sb="11" eb="14">
      <t>コウジカ</t>
    </rPh>
    <rPh sb="15" eb="17">
      <t>ホシュウ</t>
    </rPh>
    <rPh sb="17" eb="18">
      <t>カ</t>
    </rPh>
    <phoneticPr fontId="3"/>
  </si>
  <si>
    <t>南多摩西部建設事務所
東京都八王子市明神町3-19-2
（八王子合同庁舎７階）
京王八王子駅から徒歩5分、JR八王子駅から徒歩5分</t>
    <rPh sb="0" eb="10">
      <t>ナンセイ</t>
    </rPh>
    <rPh sb="11" eb="14">
      <t>トウキョウト</t>
    </rPh>
    <rPh sb="14" eb="18">
      <t>ハチオウジシ</t>
    </rPh>
    <rPh sb="18" eb="21">
      <t>ミョウジンチョウ</t>
    </rPh>
    <rPh sb="37" eb="38">
      <t>カイ</t>
    </rPh>
    <rPh sb="41" eb="47">
      <t>ケイオウハチオウジエキ</t>
    </rPh>
    <rPh sb="49" eb="51">
      <t>トホ</t>
    </rPh>
    <rPh sb="52" eb="53">
      <t>フン</t>
    </rPh>
    <rPh sb="56" eb="60">
      <t>ハチオウジエキ</t>
    </rPh>
    <rPh sb="62" eb="64">
      <t>トホ</t>
    </rPh>
    <rPh sb="65" eb="66">
      <t>フン</t>
    </rPh>
    <phoneticPr fontId="3"/>
  </si>
  <si>
    <t>北多摩南部建設事務所工事第一課/工事第二課/補修課</t>
    <rPh sb="0" eb="3">
      <t>キタタマ</t>
    </rPh>
    <rPh sb="3" eb="5">
      <t>ナンブ</t>
    </rPh>
    <rPh sb="5" eb="7">
      <t>ケンセツ</t>
    </rPh>
    <rPh sb="7" eb="9">
      <t>ジム</t>
    </rPh>
    <rPh sb="9" eb="10">
      <t>ショ</t>
    </rPh>
    <rPh sb="10" eb="12">
      <t>コウジ</t>
    </rPh>
    <rPh sb="12" eb="14">
      <t>ダイイチ</t>
    </rPh>
    <rPh sb="14" eb="15">
      <t>カ</t>
    </rPh>
    <rPh sb="16" eb="18">
      <t>コウジ</t>
    </rPh>
    <rPh sb="18" eb="20">
      <t>ダイニ</t>
    </rPh>
    <rPh sb="20" eb="21">
      <t>カ</t>
    </rPh>
    <rPh sb="22" eb="24">
      <t>ホシュウ</t>
    </rPh>
    <rPh sb="24" eb="25">
      <t>カ</t>
    </rPh>
    <phoneticPr fontId="3"/>
  </si>
  <si>
    <t>土木技術支援・人材育成センター 技術支援課</t>
    <rPh sb="0" eb="6">
      <t>ドボクギジュツシエン</t>
    </rPh>
    <rPh sb="7" eb="11">
      <t>ジンザイイクセイ</t>
    </rPh>
    <rPh sb="16" eb="18">
      <t>ギジュツ</t>
    </rPh>
    <rPh sb="18" eb="20">
      <t>シエン</t>
    </rPh>
    <rPh sb="20" eb="21">
      <t>カ</t>
    </rPh>
    <phoneticPr fontId="3"/>
  </si>
  <si>
    <t>(金)</t>
    <rPh sb="0" eb="3">
      <t>キン</t>
    </rPh>
    <phoneticPr fontId="5"/>
  </si>
  <si>
    <t>うち2日間
詳細日程は実習生決定後に調整。</t>
    <rPh sb="3" eb="4">
      <t>ニチ</t>
    </rPh>
    <rPh sb="4" eb="5">
      <t>アイダ</t>
    </rPh>
    <rPh sb="7" eb="9">
      <t>ショウサイ</t>
    </rPh>
    <rPh sb="19" eb="21">
      <t>チョウセイ</t>
    </rPh>
    <phoneticPr fontId="5"/>
  </si>
  <si>
    <t>土木技術支援・人材育成センター　　　　　　　　　　　　　　　　　　　　　　　　　　　　　　　　　　　　　　　　　　　　　　　　　　　　東京都江東区新砂　1-9-15                       東京メトロ南砂駅より徒歩10分、東陽町駅より徒歩15分</t>
    <rPh sb="0" eb="6">
      <t>ドボクギジュツシエン</t>
    </rPh>
    <rPh sb="7" eb="11">
      <t>ジンザイイクセイ</t>
    </rPh>
    <rPh sb="67" eb="69">
      <t>トウキョウ</t>
    </rPh>
    <rPh sb="69" eb="70">
      <t>ト</t>
    </rPh>
    <rPh sb="70" eb="73">
      <t>コウトウク</t>
    </rPh>
    <rPh sb="73" eb="75">
      <t>シンスナ</t>
    </rPh>
    <rPh sb="105" eb="107">
      <t>トウキョウ</t>
    </rPh>
    <rPh sb="110" eb="112">
      <t>ミナミスナ</t>
    </rPh>
    <rPh sb="112" eb="113">
      <t>エキ</t>
    </rPh>
    <rPh sb="115" eb="117">
      <t>トホ</t>
    </rPh>
    <rPh sb="119" eb="120">
      <t>フン</t>
    </rPh>
    <rPh sb="121" eb="124">
      <t>トウヨウチョウ</t>
    </rPh>
    <rPh sb="124" eb="125">
      <t>エキ</t>
    </rPh>
    <rPh sb="127" eb="129">
      <t>トホ</t>
    </rPh>
    <rPh sb="131" eb="132">
      <t>フン</t>
    </rPh>
    <phoneticPr fontId="5"/>
  </si>
  <si>
    <t>・調査・開発などの現場調査（道路舗装、河川、材料施工等）　　　　　　　　　　　　　　　　・各種データ整理</t>
    <rPh sb="1" eb="3">
      <t>チョウサ</t>
    </rPh>
    <rPh sb="4" eb="6">
      <t>カイハツ</t>
    </rPh>
    <rPh sb="9" eb="11">
      <t>ゲンバ</t>
    </rPh>
    <rPh sb="11" eb="13">
      <t>チョウサ</t>
    </rPh>
    <rPh sb="14" eb="16">
      <t>ドウロ</t>
    </rPh>
    <rPh sb="16" eb="18">
      <t>ホソウ</t>
    </rPh>
    <rPh sb="19" eb="21">
      <t>カセン</t>
    </rPh>
    <rPh sb="22" eb="24">
      <t>ザイリョウ</t>
    </rPh>
    <rPh sb="24" eb="26">
      <t>セコウ</t>
    </rPh>
    <rPh sb="26" eb="27">
      <t>ナド</t>
    </rPh>
    <rPh sb="45" eb="47">
      <t>カクシュ</t>
    </rPh>
    <rPh sb="50" eb="52">
      <t>セイリ</t>
    </rPh>
    <phoneticPr fontId="6"/>
  </si>
  <si>
    <t>東京港建設事務所
道路整備担当</t>
    <rPh sb="0" eb="2">
      <t>トウキョウ</t>
    </rPh>
    <rPh sb="2" eb="3">
      <t>コウ</t>
    </rPh>
    <rPh sb="3" eb="7">
      <t>ケンセツジム</t>
    </rPh>
    <rPh sb="7" eb="8">
      <t>ショ</t>
    </rPh>
    <phoneticPr fontId="5"/>
  </si>
  <si>
    <t>※9/12・13は9:30～15:30
 9/14は8：00～12:00</t>
    <phoneticPr fontId="5"/>
  </si>
  <si>
    <t>道路及び橋梁施設の設計業務補助/工事現場監督補助</t>
    <rPh sb="0" eb="2">
      <t>ドウロ</t>
    </rPh>
    <rPh sb="2" eb="3">
      <t>オヨ</t>
    </rPh>
    <rPh sb="4" eb="6">
      <t>キョウリョウ</t>
    </rPh>
    <rPh sb="6" eb="8">
      <t>シセツ</t>
    </rPh>
    <rPh sb="9" eb="11">
      <t>セッケイ</t>
    </rPh>
    <rPh sb="11" eb="13">
      <t>ギョウム</t>
    </rPh>
    <rPh sb="13" eb="15">
      <t>ホジョ</t>
    </rPh>
    <rPh sb="16" eb="18">
      <t>コウジ</t>
    </rPh>
    <rPh sb="18" eb="20">
      <t>ゲンバ</t>
    </rPh>
    <rPh sb="20" eb="22">
      <t>カントク</t>
    </rPh>
    <rPh sb="22" eb="24">
      <t>ホジョ</t>
    </rPh>
    <phoneticPr fontId="4"/>
  </si>
  <si>
    <t>土木系学科専攻の方推奨</t>
    <phoneticPr fontId="5"/>
  </si>
  <si>
    <t xml:space="preserve">東京港建設事務所
埋立整備課
</t>
    <rPh sb="0" eb="2">
      <t>トウキョウ</t>
    </rPh>
    <rPh sb="2" eb="3">
      <t>コウ</t>
    </rPh>
    <rPh sb="3" eb="7">
      <t>ケンセツジム</t>
    </rPh>
    <rPh sb="7" eb="8">
      <t>ショ</t>
    </rPh>
    <phoneticPr fontId="5"/>
  </si>
  <si>
    <t>※9/12・13は9:30～15:30
 9/14は13：00～16:45</t>
    <phoneticPr fontId="5"/>
  </si>
  <si>
    <t>港湾施設の設計業務補助/工事現場監督補助</t>
    <rPh sb="0" eb="2">
      <t>コウワン</t>
    </rPh>
    <rPh sb="2" eb="4">
      <t>シセツ</t>
    </rPh>
    <rPh sb="5" eb="7">
      <t>セッケイ</t>
    </rPh>
    <rPh sb="7" eb="9">
      <t>ギョウム</t>
    </rPh>
    <rPh sb="9" eb="11">
      <t>ホジョ</t>
    </rPh>
    <rPh sb="12" eb="14">
      <t>コウジ</t>
    </rPh>
    <rPh sb="14" eb="16">
      <t>ゲンバ</t>
    </rPh>
    <rPh sb="16" eb="18">
      <t>カントク</t>
    </rPh>
    <rPh sb="18" eb="20">
      <t>ホジョ</t>
    </rPh>
    <phoneticPr fontId="4"/>
  </si>
  <si>
    <t>東京港管理事務所
港湾道路管理課　
調整担当</t>
    <rPh sb="0" eb="2">
      <t>トウキョウ</t>
    </rPh>
    <rPh sb="2" eb="3">
      <t>コウ</t>
    </rPh>
    <rPh sb="3" eb="5">
      <t>カンリ</t>
    </rPh>
    <rPh sb="5" eb="7">
      <t>ジム</t>
    </rPh>
    <rPh sb="7" eb="8">
      <t>ショ</t>
    </rPh>
    <phoneticPr fontId="5"/>
  </si>
  <si>
    <t>※9/12・13は9:30～15:30
 9/14は9：00～17:45</t>
    <phoneticPr fontId="5"/>
  </si>
  <si>
    <t>港湾道路管理課執務室及び所管道路施設</t>
    <rPh sb="0" eb="7">
      <t>コウワンドウロカンリカ</t>
    </rPh>
    <rPh sb="7" eb="10">
      <t>シツムシツ</t>
    </rPh>
    <rPh sb="10" eb="11">
      <t>オヨ</t>
    </rPh>
    <rPh sb="12" eb="14">
      <t>ショカン</t>
    </rPh>
    <rPh sb="14" eb="16">
      <t>ドウロ</t>
    </rPh>
    <rPh sb="16" eb="18">
      <t>シセツ</t>
    </rPh>
    <phoneticPr fontId="3"/>
  </si>
  <si>
    <t>東京港管理事務所
臨海地域管理課　
施設担当</t>
    <rPh sb="0" eb="2">
      <t>トウキョウ</t>
    </rPh>
    <rPh sb="2" eb="3">
      <t>コウ</t>
    </rPh>
    <rPh sb="3" eb="5">
      <t>カンリ</t>
    </rPh>
    <rPh sb="5" eb="7">
      <t>ジム</t>
    </rPh>
    <rPh sb="7" eb="8">
      <t>ショ</t>
    </rPh>
    <phoneticPr fontId="5"/>
  </si>
  <si>
    <t>※9/12・13は9:30～15:30
9/14は8：00～16:45</t>
    <phoneticPr fontId="5"/>
  </si>
  <si>
    <t>東京港管理事務所
施設補修課　
工務担当</t>
    <rPh sb="0" eb="2">
      <t>トウキョウ</t>
    </rPh>
    <rPh sb="2" eb="3">
      <t>コウ</t>
    </rPh>
    <rPh sb="3" eb="5">
      <t>カンリ</t>
    </rPh>
    <rPh sb="5" eb="7">
      <t>ジム</t>
    </rPh>
    <rPh sb="7" eb="8">
      <t>ショ</t>
    </rPh>
    <phoneticPr fontId="5"/>
  </si>
  <si>
    <t xml:space="preserve">
以下日程で実施
9/12（火）
9/13（水）
9/15（金）</t>
    <rPh sb="16" eb="17">
      <t>カ</t>
    </rPh>
    <rPh sb="24" eb="25">
      <t>スイ</t>
    </rPh>
    <rPh sb="32" eb="33">
      <t>キン</t>
    </rPh>
    <phoneticPr fontId="5"/>
  </si>
  <si>
    <t>※9/12・13は9:30～15:30
9/15は8：00～16:45</t>
    <phoneticPr fontId="5"/>
  </si>
  <si>
    <t>東京港管理事務所及び関係部署施設</t>
  </si>
  <si>
    <t>離島港湾部
計画課／建設課</t>
    <rPh sb="0" eb="5">
      <t>リトウコウワンブ</t>
    </rPh>
    <rPh sb="6" eb="9">
      <t>ケイカクカ</t>
    </rPh>
    <rPh sb="10" eb="12">
      <t>ケンセツ</t>
    </rPh>
    <rPh sb="12" eb="13">
      <t>カ</t>
    </rPh>
    <phoneticPr fontId="5"/>
  </si>
  <si>
    <t>※9/12・13は9:30～15:30
9/14は10：00～16:00</t>
    <phoneticPr fontId="5"/>
  </si>
  <si>
    <t>都庁・東京港</t>
    <phoneticPr fontId="5"/>
  </si>
  <si>
    <t>離島の各施設の各基本計画・事業計画策定補助/離島の各施設の設計業務補助</t>
    <phoneticPr fontId="5"/>
  </si>
  <si>
    <t>電気
機械</t>
    <rPh sb="0" eb="2">
      <t>デンキ</t>
    </rPh>
    <rPh sb="3" eb="5">
      <t>キカイ</t>
    </rPh>
    <phoneticPr fontId="5"/>
  </si>
  <si>
    <t>電気工学
機械工学</t>
    <rPh sb="0" eb="2">
      <t>デンキ</t>
    </rPh>
    <rPh sb="2" eb="4">
      <t>コウガク</t>
    </rPh>
    <rPh sb="5" eb="7">
      <t>キカイ</t>
    </rPh>
    <rPh sb="7" eb="9">
      <t>コウガク</t>
    </rPh>
    <phoneticPr fontId="5"/>
  </si>
  <si>
    <t>・人数は　電気2人・機械2人</t>
    <phoneticPr fontId="5"/>
  </si>
  <si>
    <t>本庁舎　他
（現場調査）</t>
    <rPh sb="0" eb="2">
      <t>ホンチョウ</t>
    </rPh>
    <rPh sb="2" eb="3">
      <t>シャ</t>
    </rPh>
    <rPh sb="4" eb="5">
      <t>ホカ</t>
    </rPh>
    <rPh sb="7" eb="9">
      <t>ゲンバ</t>
    </rPh>
    <rPh sb="9" eb="11">
      <t>チョウサ</t>
    </rPh>
    <phoneticPr fontId="3"/>
  </si>
  <si>
    <t>地下鉄構造物・軌道の維持管理、路面電車整備等の概要説明、現地調査、業務補助　等</t>
    <rPh sb="3" eb="6">
      <t>コウゾウブツ</t>
    </rPh>
    <rPh sb="7" eb="9">
      <t>キドウ</t>
    </rPh>
    <rPh sb="10" eb="14">
      <t>イジカンリ</t>
    </rPh>
    <rPh sb="15" eb="17">
      <t>ロメン</t>
    </rPh>
    <rPh sb="17" eb="19">
      <t>デンシャ</t>
    </rPh>
    <rPh sb="19" eb="21">
      <t>セイビ</t>
    </rPh>
    <rPh sb="21" eb="22">
      <t>トウ</t>
    </rPh>
    <rPh sb="23" eb="25">
      <t>ガイヨウ</t>
    </rPh>
    <rPh sb="25" eb="27">
      <t>セツメイ</t>
    </rPh>
    <rPh sb="28" eb="32">
      <t>ゲンチチョウサ</t>
    </rPh>
    <rPh sb="33" eb="35">
      <t>ギョウム</t>
    </rPh>
    <rPh sb="35" eb="37">
      <t>ホジョ</t>
    </rPh>
    <rPh sb="38" eb="39">
      <t>トウ</t>
    </rPh>
    <phoneticPr fontId="5"/>
  </si>
  <si>
    <t>建設工務部
建築課</t>
    <rPh sb="0" eb="5">
      <t>ケンセツコウムブ</t>
    </rPh>
    <rPh sb="6" eb="9">
      <t>ケンチクカ</t>
    </rPh>
    <phoneticPr fontId="5"/>
  </si>
  <si>
    <t>地下鉄駅施設調査（工事現場の視察など）
設計実習（地下鉄駅手洗所の平面プラン作成）
実習報告（成果発表など）</t>
    <phoneticPr fontId="5"/>
  </si>
  <si>
    <t>デジタルサービス局</t>
    <rPh sb="8" eb="9">
      <t>キョク</t>
    </rPh>
    <phoneticPr fontId="3"/>
  </si>
  <si>
    <t>デジタルサービス推進部
つながる東京推進課
つながる東京推進担当</t>
    <rPh sb="16" eb="20">
      <t>トウキョウスイシン</t>
    </rPh>
    <rPh sb="26" eb="30">
      <t>トウキョウスイシン</t>
    </rPh>
    <phoneticPr fontId="3"/>
  </si>
  <si>
    <t xml:space="preserve">本庁舎　他
現場視察
</t>
    <rPh sb="0" eb="2">
      <t>ホンチョウ</t>
    </rPh>
    <rPh sb="2" eb="3">
      <t>シャ</t>
    </rPh>
    <rPh sb="4" eb="5">
      <t>ホカ</t>
    </rPh>
    <rPh sb="6" eb="8">
      <t>ゲンバ</t>
    </rPh>
    <rPh sb="8" eb="10">
      <t>シサツ</t>
    </rPh>
    <phoneticPr fontId="3"/>
  </si>
  <si>
    <t>・デジタルサービス局・ICT職に関する説明
・スマートポール活用方法の検討
・都有施設のアセット開放に係る事務補助
・TDH調査にかかる事務補助
・基地局または現場調査（簡易）視察
・現場視察</t>
    <phoneticPr fontId="5"/>
  </si>
  <si>
    <t>戦略部
デジタル推進課デジタルシフト推進担当</t>
    <rPh sb="0" eb="2">
      <t>センリャク</t>
    </rPh>
    <rPh sb="2" eb="3">
      <t>ブ</t>
    </rPh>
    <rPh sb="8" eb="10">
      <t>スイシン</t>
    </rPh>
    <rPh sb="10" eb="11">
      <t>カ</t>
    </rPh>
    <rPh sb="18" eb="20">
      <t>スイシン</t>
    </rPh>
    <rPh sb="20" eb="22">
      <t>タントウ</t>
    </rPh>
    <phoneticPr fontId="3"/>
  </si>
  <si>
    <t>・デジタルサービス局・ICT職に関する説明
・都庁におけるDX推進業務の補助
・現場視察</t>
    <rPh sb="9" eb="10">
      <t>キョク</t>
    </rPh>
    <rPh sb="14" eb="15">
      <t>ショク</t>
    </rPh>
    <rPh sb="16" eb="17">
      <t>カン</t>
    </rPh>
    <rPh sb="19" eb="21">
      <t>セツメイ</t>
    </rPh>
    <rPh sb="33" eb="35">
      <t>ギョウム</t>
    </rPh>
    <rPh sb="40" eb="42">
      <t>ゲンバ</t>
    </rPh>
    <rPh sb="42" eb="44">
      <t>シサツ</t>
    </rPh>
    <phoneticPr fontId="5"/>
  </si>
  <si>
    <t>・化学工学
・生物工学
・機械工学
・電気工学
・衛生工学</t>
    <rPh sb="1" eb="3">
      <t>カガク</t>
    </rPh>
    <rPh sb="3" eb="5">
      <t>コウガク</t>
    </rPh>
    <rPh sb="7" eb="9">
      <t>セイブツ</t>
    </rPh>
    <rPh sb="9" eb="11">
      <t>コウガク</t>
    </rPh>
    <rPh sb="13" eb="15">
      <t>キカイ</t>
    </rPh>
    <rPh sb="15" eb="17">
      <t>コウガク</t>
    </rPh>
    <rPh sb="19" eb="21">
      <t>デンキ</t>
    </rPh>
    <rPh sb="21" eb="23">
      <t>コウガク</t>
    </rPh>
    <rPh sb="25" eb="27">
      <t>エイセイ</t>
    </rPh>
    <rPh sb="27" eb="29">
      <t>コウガク</t>
    </rPh>
    <phoneticPr fontId="3"/>
  </si>
  <si>
    <t>西部住宅建設事務所他
（都営住宅建設現場など）</t>
    <rPh sb="0" eb="2">
      <t>セイブ</t>
    </rPh>
    <rPh sb="2" eb="4">
      <t>ジュウタク</t>
    </rPh>
    <rPh sb="4" eb="6">
      <t>ケンセツ</t>
    </rPh>
    <rPh sb="6" eb="8">
      <t>ジム</t>
    </rPh>
    <rPh sb="8" eb="9">
      <t>ショ</t>
    </rPh>
    <rPh sb="9" eb="10">
      <t>ホカ</t>
    </rPh>
    <phoneticPr fontId="5"/>
  </si>
  <si>
    <t>―</t>
    <phoneticPr fontId="5"/>
  </si>
  <si>
    <t>都庁インターンシップ2023実習部署一覧 【詳細版_技術職:第2ターム】</t>
    <rPh sb="0" eb="1">
      <t>ト</t>
    </rPh>
    <rPh sb="1" eb="2">
      <t>チョウ</t>
    </rPh>
    <rPh sb="18" eb="20">
      <t>イチラン</t>
    </rPh>
    <rPh sb="22" eb="24">
      <t>ショウサイ</t>
    </rPh>
    <rPh sb="24" eb="25">
      <t>バン</t>
    </rPh>
    <rPh sb="26" eb="29">
      <t>ギジュツショク</t>
    </rPh>
    <rPh sb="30" eb="31">
      <t>ダ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m/d;@"/>
    <numFmt numFmtId="177" formatCode="0_);[Red]\(0\)"/>
    <numFmt numFmtId="178" formatCode="000"/>
    <numFmt numFmtId="179" formatCode="h:mm;@"/>
  </numFmts>
  <fonts count="14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9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8"/>
      <name val="メイリオ"/>
      <family val="3"/>
      <charset val="128"/>
    </font>
    <font>
      <sz val="11"/>
      <color theme="1"/>
      <name val="メイリオ"/>
      <family val="3"/>
      <charset val="128"/>
    </font>
    <font>
      <sz val="9"/>
      <name val="メイリオ"/>
      <family val="3"/>
      <charset val="128"/>
    </font>
    <font>
      <sz val="9"/>
      <color theme="1"/>
      <name val="メイリオ"/>
      <family val="3"/>
      <charset val="128"/>
    </font>
    <font>
      <sz val="8"/>
      <name val="メイリオ"/>
      <family val="3"/>
      <charset val="128"/>
    </font>
    <font>
      <strike/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theme="1"/>
      </left>
      <right style="thin">
        <color indexed="64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 style="thin">
        <color indexed="64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theme="1"/>
      </top>
      <bottom style="thin">
        <color theme="1"/>
      </bottom>
      <diagonal/>
    </border>
    <border>
      <left/>
      <right/>
      <top style="thin">
        <color theme="1"/>
      </top>
      <bottom style="thin">
        <color theme="1"/>
      </bottom>
      <diagonal/>
    </border>
    <border>
      <left/>
      <right style="thin">
        <color indexed="64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theme="1"/>
      </bottom>
      <diagonal/>
    </border>
    <border>
      <left style="thin">
        <color indexed="64"/>
      </left>
      <right style="medium">
        <color rgb="FFFF0000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7" fillId="0" borderId="0"/>
  </cellStyleXfs>
  <cellXfs count="131">
    <xf numFmtId="0" fontId="0" fillId="0" borderId="0" xfId="0">
      <alignment vertical="center"/>
    </xf>
    <xf numFmtId="0" fontId="9" fillId="0" borderId="0" xfId="0" applyFont="1">
      <alignment vertical="center"/>
    </xf>
    <xf numFmtId="0" fontId="10" fillId="2" borderId="1" xfId="1" applyNumberFormat="1" applyFont="1" applyFill="1" applyBorder="1" applyAlignment="1">
      <alignment horizontal="center" vertical="center" shrinkToFit="1"/>
    </xf>
    <xf numFmtId="0" fontId="10" fillId="2" borderId="1" xfId="1" applyFont="1" applyFill="1" applyBorder="1" applyAlignment="1">
      <alignment horizontal="center" vertical="center"/>
    </xf>
    <xf numFmtId="0" fontId="10" fillId="2" borderId="1" xfId="1" applyFont="1" applyFill="1" applyBorder="1" applyAlignment="1">
      <alignment horizontal="center" vertical="center" shrinkToFit="1"/>
    </xf>
    <xf numFmtId="0" fontId="10" fillId="2" borderId="1" xfId="1" applyNumberFormat="1" applyFont="1" applyFill="1" applyBorder="1" applyAlignment="1">
      <alignment horizontal="center" vertical="center" wrapText="1" shrinkToFit="1"/>
    </xf>
    <xf numFmtId="177" fontId="10" fillId="2" borderId="1" xfId="1" applyNumberFormat="1" applyFont="1" applyFill="1" applyBorder="1" applyAlignment="1">
      <alignment horizontal="center" vertical="center" shrinkToFit="1"/>
    </xf>
    <xf numFmtId="176" fontId="10" fillId="2" borderId="1" xfId="1" applyNumberFormat="1" applyFont="1" applyFill="1" applyBorder="1" applyAlignment="1">
      <alignment horizontal="center" vertical="center" shrinkToFit="1"/>
    </xf>
    <xf numFmtId="178" fontId="10" fillId="0" borderId="1" xfId="0" applyNumberFormat="1" applyFont="1" applyFill="1" applyBorder="1" applyAlignment="1">
      <alignment horizontal="center" vertical="center"/>
    </xf>
    <xf numFmtId="0" fontId="10" fillId="0" borderId="1" xfId="0" applyFont="1" applyFill="1" applyBorder="1" applyAlignment="1">
      <alignment horizontal="center" vertical="center" shrinkToFit="1"/>
    </xf>
    <xf numFmtId="0" fontId="10" fillId="0" borderId="1" xfId="0" applyFont="1" applyFill="1" applyBorder="1" applyAlignment="1">
      <alignment horizontal="left" vertical="center" wrapText="1"/>
    </xf>
    <xf numFmtId="0" fontId="10" fillId="0" borderId="1" xfId="0" applyFont="1" applyFill="1" applyBorder="1" applyAlignment="1">
      <alignment horizontal="center" vertical="center"/>
    </xf>
    <xf numFmtId="0" fontId="10" fillId="0" borderId="1" xfId="0" applyFont="1" applyFill="1" applyBorder="1" applyAlignment="1">
      <alignment horizontal="center" vertical="center" wrapText="1"/>
    </xf>
    <xf numFmtId="0" fontId="10" fillId="0" borderId="1" xfId="0" applyNumberFormat="1" applyFont="1" applyFill="1" applyBorder="1" applyAlignment="1">
      <alignment horizontal="center" vertical="center"/>
    </xf>
    <xf numFmtId="176" fontId="10" fillId="0" borderId="4" xfId="0" applyNumberFormat="1" applyFont="1" applyFill="1" applyBorder="1" applyAlignment="1">
      <alignment horizontal="center" vertical="center"/>
    </xf>
    <xf numFmtId="176" fontId="10" fillId="0" borderId="2" xfId="0" applyNumberFormat="1" applyFont="1" applyFill="1" applyBorder="1" applyAlignment="1">
      <alignment horizontal="center" vertical="center" wrapText="1"/>
    </xf>
    <xf numFmtId="49" fontId="10" fillId="0" borderId="2" xfId="0" applyNumberFormat="1" applyFont="1" applyFill="1" applyBorder="1" applyAlignment="1">
      <alignment horizontal="center" vertical="center"/>
    </xf>
    <xf numFmtId="176" fontId="10" fillId="0" borderId="2" xfId="0" applyNumberFormat="1" applyFont="1" applyFill="1" applyBorder="1" applyAlignment="1">
      <alignment horizontal="center" vertical="center"/>
    </xf>
    <xf numFmtId="176" fontId="10" fillId="0" borderId="3" xfId="0" applyNumberFormat="1" applyFont="1" applyFill="1" applyBorder="1" applyAlignment="1">
      <alignment horizontal="center" vertical="center" wrapText="1"/>
    </xf>
    <xf numFmtId="177" fontId="10" fillId="0" borderId="1" xfId="0" applyNumberFormat="1" applyFont="1" applyFill="1" applyBorder="1" applyAlignment="1">
      <alignment horizontal="center" vertical="center"/>
    </xf>
    <xf numFmtId="177" fontId="10" fillId="0" borderId="4" xfId="0" applyNumberFormat="1" applyFont="1" applyFill="1" applyBorder="1" applyAlignment="1">
      <alignment horizontal="center" vertical="center" wrapText="1"/>
    </xf>
    <xf numFmtId="177" fontId="10" fillId="0" borderId="2" xfId="0" applyNumberFormat="1" applyFont="1" applyFill="1" applyBorder="1" applyAlignment="1">
      <alignment horizontal="center" vertical="center"/>
    </xf>
    <xf numFmtId="177" fontId="10" fillId="0" borderId="4" xfId="0" applyNumberFormat="1" applyFont="1" applyFill="1" applyBorder="1" applyAlignment="1">
      <alignment horizontal="center" vertical="center"/>
    </xf>
    <xf numFmtId="0" fontId="10" fillId="0" borderId="1" xfId="0" applyFont="1" applyBorder="1" applyAlignment="1">
      <alignment vertical="center" wrapText="1"/>
    </xf>
    <xf numFmtId="0" fontId="10" fillId="0" borderId="1" xfId="0" applyFont="1" applyBorder="1" applyAlignment="1">
      <alignment horizontal="center" vertical="center"/>
    </xf>
    <xf numFmtId="0" fontId="9" fillId="0" borderId="0" xfId="0" applyNumberFormat="1" applyFont="1">
      <alignment vertical="center"/>
    </xf>
    <xf numFmtId="0" fontId="11" fillId="0" borderId="0" xfId="0" applyFont="1" applyAlignment="1">
      <alignment horizontal="center" vertical="center"/>
    </xf>
    <xf numFmtId="0" fontId="9" fillId="0" borderId="0" xfId="0" applyFont="1" applyFill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10" fillId="0" borderId="2" xfId="0" applyFont="1" applyFill="1" applyBorder="1">
      <alignment vertical="center"/>
    </xf>
    <xf numFmtId="177" fontId="10" fillId="0" borderId="1" xfId="0" applyNumberFormat="1" applyFont="1" applyBorder="1" applyAlignment="1">
      <alignment horizontal="center" vertical="center"/>
    </xf>
    <xf numFmtId="179" fontId="9" fillId="0" borderId="0" xfId="0" applyNumberFormat="1" applyFont="1" applyAlignment="1">
      <alignment horizontal="center" vertical="center"/>
    </xf>
    <xf numFmtId="0" fontId="9" fillId="0" borderId="0" xfId="0" applyFont="1" applyAlignment="1">
      <alignment horizontal="left" vertical="center"/>
    </xf>
    <xf numFmtId="49" fontId="10" fillId="2" borderId="3" xfId="1" applyNumberFormat="1" applyFont="1" applyFill="1" applyBorder="1" applyAlignment="1">
      <alignment horizontal="center" vertical="center" wrapText="1" shrinkToFit="1"/>
    </xf>
    <xf numFmtId="49" fontId="9" fillId="0" borderId="0" xfId="0" applyNumberFormat="1" applyFont="1" applyAlignment="1">
      <alignment horizontal="left" vertical="center" wrapText="1"/>
    </xf>
    <xf numFmtId="176" fontId="12" fillId="2" borderId="1" xfId="1" applyNumberFormat="1" applyFont="1" applyFill="1" applyBorder="1" applyAlignment="1">
      <alignment horizontal="center" vertical="center" wrapText="1" shrinkToFit="1"/>
    </xf>
    <xf numFmtId="177" fontId="10" fillId="2" borderId="4" xfId="1" applyNumberFormat="1" applyFont="1" applyFill="1" applyBorder="1" applyAlignment="1">
      <alignment horizontal="center" vertical="center" shrinkToFit="1"/>
    </xf>
    <xf numFmtId="177" fontId="10" fillId="2" borderId="3" xfId="1" applyNumberFormat="1" applyFont="1" applyFill="1" applyBorder="1" applyAlignment="1">
      <alignment horizontal="center" vertical="center" shrinkToFit="1"/>
    </xf>
    <xf numFmtId="176" fontId="10" fillId="2" borderId="2" xfId="1" applyNumberFormat="1" applyFont="1" applyFill="1" applyBorder="1" applyAlignment="1">
      <alignment horizontal="center" vertical="center" shrinkToFit="1"/>
    </xf>
    <xf numFmtId="0" fontId="10" fillId="0" borderId="1" xfId="0" applyFont="1" applyFill="1" applyBorder="1" applyAlignment="1">
      <alignment vertical="center" wrapText="1"/>
    </xf>
    <xf numFmtId="176" fontId="10" fillId="0" borderId="5" xfId="0" applyNumberFormat="1" applyFont="1" applyFill="1" applyBorder="1" applyAlignment="1">
      <alignment horizontal="center" vertical="center" wrapText="1"/>
    </xf>
    <xf numFmtId="49" fontId="10" fillId="0" borderId="1" xfId="0" applyNumberFormat="1" applyFont="1" applyFill="1" applyBorder="1" applyAlignment="1">
      <alignment horizontal="center" vertical="center" wrapText="1"/>
    </xf>
    <xf numFmtId="178" fontId="10" fillId="0" borderId="9" xfId="0" applyNumberFormat="1" applyFont="1" applyFill="1" applyBorder="1" applyAlignment="1">
      <alignment horizontal="center" vertical="center"/>
    </xf>
    <xf numFmtId="0" fontId="10" fillId="0" borderId="10" xfId="0" applyFont="1" applyFill="1" applyBorder="1" applyAlignment="1">
      <alignment horizontal="center" vertical="center" shrinkToFit="1"/>
    </xf>
    <xf numFmtId="0" fontId="10" fillId="0" borderId="10" xfId="0" applyFont="1" applyFill="1" applyBorder="1" applyAlignment="1">
      <alignment horizontal="left" vertical="center" wrapText="1"/>
    </xf>
    <xf numFmtId="0" fontId="10" fillId="0" borderId="10" xfId="0" applyFont="1" applyFill="1" applyBorder="1" applyAlignment="1">
      <alignment horizontal="center" vertical="center"/>
    </xf>
    <xf numFmtId="0" fontId="10" fillId="0" borderId="10" xfId="0" applyFont="1" applyFill="1" applyBorder="1" applyAlignment="1">
      <alignment horizontal="center" vertical="center" wrapText="1"/>
    </xf>
    <xf numFmtId="0" fontId="10" fillId="0" borderId="10" xfId="0" applyNumberFormat="1" applyFont="1" applyFill="1" applyBorder="1" applyAlignment="1">
      <alignment horizontal="center" vertical="center"/>
    </xf>
    <xf numFmtId="176" fontId="10" fillId="0" borderId="11" xfId="0" applyNumberFormat="1" applyFont="1" applyFill="1" applyBorder="1" applyAlignment="1">
      <alignment horizontal="center" vertical="center"/>
    </xf>
    <xf numFmtId="176" fontId="10" fillId="0" borderId="12" xfId="0" applyNumberFormat="1" applyFont="1" applyFill="1" applyBorder="1" applyAlignment="1">
      <alignment horizontal="center" vertical="center" wrapText="1"/>
    </xf>
    <xf numFmtId="49" fontId="10" fillId="0" borderId="12" xfId="0" applyNumberFormat="1" applyFont="1" applyFill="1" applyBorder="1" applyAlignment="1">
      <alignment horizontal="center" vertical="center"/>
    </xf>
    <xf numFmtId="176" fontId="10" fillId="0" borderId="12" xfId="0" applyNumberFormat="1" applyFont="1" applyFill="1" applyBorder="1" applyAlignment="1">
      <alignment horizontal="center" vertical="center"/>
    </xf>
    <xf numFmtId="177" fontId="10" fillId="0" borderId="10" xfId="0" applyNumberFormat="1" applyFont="1" applyFill="1" applyBorder="1" applyAlignment="1">
      <alignment horizontal="center" vertical="center"/>
    </xf>
    <xf numFmtId="179" fontId="10" fillId="0" borderId="11" xfId="0" applyNumberFormat="1" applyFont="1" applyFill="1" applyBorder="1" applyAlignment="1">
      <alignment horizontal="center" vertical="center"/>
    </xf>
    <xf numFmtId="177" fontId="10" fillId="0" borderId="12" xfId="0" applyNumberFormat="1" applyFont="1" applyFill="1" applyBorder="1" applyAlignment="1">
      <alignment horizontal="center" vertical="center"/>
    </xf>
    <xf numFmtId="179" fontId="10" fillId="0" borderId="13" xfId="0" applyNumberFormat="1" applyFont="1" applyFill="1" applyBorder="1" applyAlignment="1">
      <alignment horizontal="center" vertical="center"/>
    </xf>
    <xf numFmtId="0" fontId="10" fillId="0" borderId="14" xfId="0" applyFont="1" applyFill="1" applyBorder="1" applyAlignment="1">
      <alignment horizontal="center" vertical="center"/>
    </xf>
    <xf numFmtId="0" fontId="10" fillId="0" borderId="3" xfId="0" applyFont="1" applyFill="1" applyBorder="1" applyAlignment="1">
      <alignment horizontal="center" vertical="center" wrapText="1"/>
    </xf>
    <xf numFmtId="178" fontId="10" fillId="0" borderId="15" xfId="0" applyNumberFormat="1" applyFont="1" applyFill="1" applyBorder="1" applyAlignment="1">
      <alignment horizontal="center" vertical="center"/>
    </xf>
    <xf numFmtId="0" fontId="10" fillId="0" borderId="15" xfId="0" applyFont="1" applyFill="1" applyBorder="1" applyAlignment="1">
      <alignment horizontal="center" vertical="center" shrinkToFit="1"/>
    </xf>
    <xf numFmtId="0" fontId="10" fillId="0" borderId="15" xfId="0" applyFont="1" applyFill="1" applyBorder="1" applyAlignment="1">
      <alignment horizontal="left" vertical="center" wrapText="1"/>
    </xf>
    <xf numFmtId="0" fontId="10" fillId="0" borderId="15" xfId="0" applyFont="1" applyFill="1" applyBorder="1" applyAlignment="1">
      <alignment horizontal="center" vertical="center"/>
    </xf>
    <xf numFmtId="0" fontId="10" fillId="0" borderId="15" xfId="0" applyNumberFormat="1" applyFont="1" applyFill="1" applyBorder="1" applyAlignment="1">
      <alignment horizontal="center" vertical="center"/>
    </xf>
    <xf numFmtId="176" fontId="10" fillId="0" borderId="16" xfId="0" applyNumberFormat="1" applyFont="1" applyFill="1" applyBorder="1" applyAlignment="1">
      <alignment horizontal="center" vertical="center"/>
    </xf>
    <xf numFmtId="176" fontId="10" fillId="0" borderId="17" xfId="0" applyNumberFormat="1" applyFont="1" applyFill="1" applyBorder="1" applyAlignment="1">
      <alignment horizontal="center" vertical="center" wrapText="1"/>
    </xf>
    <xf numFmtId="49" fontId="10" fillId="0" borderId="17" xfId="0" applyNumberFormat="1" applyFont="1" applyFill="1" applyBorder="1" applyAlignment="1">
      <alignment horizontal="center" vertical="center"/>
    </xf>
    <xf numFmtId="176" fontId="10" fillId="0" borderId="17" xfId="0" applyNumberFormat="1" applyFont="1" applyFill="1" applyBorder="1" applyAlignment="1">
      <alignment horizontal="center" vertical="center"/>
    </xf>
    <xf numFmtId="177" fontId="10" fillId="0" borderId="15" xfId="0" applyNumberFormat="1" applyFont="1" applyFill="1" applyBorder="1" applyAlignment="1">
      <alignment horizontal="center" vertical="center"/>
    </xf>
    <xf numFmtId="0" fontId="10" fillId="0" borderId="15" xfId="0" applyFont="1" applyFill="1" applyBorder="1" applyAlignment="1">
      <alignment horizontal="center" vertical="center" wrapText="1"/>
    </xf>
    <xf numFmtId="179" fontId="10" fillId="0" borderId="16" xfId="0" applyNumberFormat="1" applyFont="1" applyFill="1" applyBorder="1" applyAlignment="1">
      <alignment horizontal="center" vertical="center"/>
    </xf>
    <xf numFmtId="177" fontId="10" fillId="0" borderId="17" xfId="0" applyNumberFormat="1" applyFont="1" applyFill="1" applyBorder="1" applyAlignment="1">
      <alignment horizontal="center" vertical="center"/>
    </xf>
    <xf numFmtId="179" fontId="10" fillId="0" borderId="18" xfId="0" applyNumberFormat="1" applyFont="1" applyFill="1" applyBorder="1" applyAlignment="1">
      <alignment horizontal="center" vertical="center"/>
    </xf>
    <xf numFmtId="0" fontId="10" fillId="0" borderId="17" xfId="0" applyFont="1" applyFill="1" applyBorder="1" applyAlignment="1">
      <alignment horizontal="center" vertical="center"/>
    </xf>
    <xf numFmtId="176" fontId="10" fillId="0" borderId="8" xfId="0" applyNumberFormat="1" applyFont="1" applyFill="1" applyBorder="1" applyAlignment="1">
      <alignment horizontal="center" vertical="center" wrapText="1"/>
    </xf>
    <xf numFmtId="0" fontId="10" fillId="3" borderId="1" xfId="0" applyFont="1" applyFill="1" applyBorder="1" applyAlignment="1">
      <alignment horizontal="left" vertical="center" wrapText="1"/>
    </xf>
    <xf numFmtId="179" fontId="10" fillId="3" borderId="4" xfId="0" applyNumberFormat="1" applyFont="1" applyFill="1" applyBorder="1" applyAlignment="1">
      <alignment horizontal="center" vertical="center"/>
    </xf>
    <xf numFmtId="177" fontId="10" fillId="3" borderId="2" xfId="0" applyNumberFormat="1" applyFont="1" applyFill="1" applyBorder="1" applyAlignment="1">
      <alignment horizontal="center" vertical="center"/>
    </xf>
    <xf numFmtId="179" fontId="10" fillId="3" borderId="3" xfId="0" applyNumberFormat="1" applyFont="1" applyFill="1" applyBorder="1" applyAlignment="1">
      <alignment horizontal="center" vertical="center"/>
    </xf>
    <xf numFmtId="0" fontId="10" fillId="3" borderId="1" xfId="0" applyFont="1" applyFill="1" applyBorder="1" applyAlignment="1">
      <alignment horizontal="center" vertical="center"/>
    </xf>
    <xf numFmtId="0" fontId="10" fillId="3" borderId="1" xfId="0" applyFont="1" applyFill="1" applyBorder="1" applyAlignment="1">
      <alignment horizontal="center" vertical="center" shrinkToFit="1"/>
    </xf>
    <xf numFmtId="176" fontId="10" fillId="3" borderId="4" xfId="0" applyNumberFormat="1" applyFont="1" applyFill="1" applyBorder="1" applyAlignment="1">
      <alignment horizontal="center" vertical="center"/>
    </xf>
    <xf numFmtId="176" fontId="10" fillId="3" borderId="5" xfId="0" applyNumberFormat="1" applyFont="1" applyFill="1" applyBorder="1" applyAlignment="1">
      <alignment horizontal="center" vertical="center" wrapText="1"/>
    </xf>
    <xf numFmtId="49" fontId="10" fillId="3" borderId="2" xfId="0" applyNumberFormat="1" applyFont="1" applyFill="1" applyBorder="1" applyAlignment="1">
      <alignment horizontal="center" vertical="center"/>
    </xf>
    <xf numFmtId="176" fontId="10" fillId="3" borderId="2" xfId="0" applyNumberFormat="1" applyFont="1" applyFill="1" applyBorder="1" applyAlignment="1">
      <alignment horizontal="center" vertical="center"/>
    </xf>
    <xf numFmtId="176" fontId="10" fillId="3" borderId="8" xfId="0" applyNumberFormat="1" applyFont="1" applyFill="1" applyBorder="1" applyAlignment="1">
      <alignment horizontal="center" vertical="center" wrapText="1"/>
    </xf>
    <xf numFmtId="0" fontId="10" fillId="3" borderId="1" xfId="0" applyFont="1" applyFill="1" applyBorder="1" applyAlignment="1">
      <alignment horizontal="center" vertical="center" wrapText="1"/>
    </xf>
    <xf numFmtId="49" fontId="10" fillId="0" borderId="3" xfId="0" applyNumberFormat="1" applyFont="1" applyFill="1" applyBorder="1" applyAlignment="1">
      <alignment horizontal="center" vertical="center" wrapText="1"/>
    </xf>
    <xf numFmtId="179" fontId="10" fillId="0" borderId="4" xfId="0" applyNumberFormat="1" applyFont="1" applyFill="1" applyBorder="1" applyAlignment="1">
      <alignment horizontal="center" vertical="center"/>
    </xf>
    <xf numFmtId="179" fontId="10" fillId="0" borderId="3" xfId="0" applyNumberFormat="1" applyFont="1" applyFill="1" applyBorder="1" applyAlignment="1">
      <alignment horizontal="center" vertical="center"/>
    </xf>
    <xf numFmtId="178" fontId="10" fillId="0" borderId="1" xfId="0" applyNumberFormat="1" applyFont="1" applyFill="1" applyBorder="1" applyAlignment="1">
      <alignment horizontal="left" vertical="center" wrapText="1"/>
    </xf>
    <xf numFmtId="177" fontId="10" fillId="0" borderId="1" xfId="0" applyNumberFormat="1" applyFont="1" applyFill="1" applyBorder="1" applyAlignment="1">
      <alignment horizontal="center" vertical="center" wrapText="1"/>
    </xf>
    <xf numFmtId="178" fontId="10" fillId="3" borderId="1" xfId="0" applyNumberFormat="1" applyFont="1" applyFill="1" applyBorder="1" applyAlignment="1">
      <alignment horizontal="center" vertical="center"/>
    </xf>
    <xf numFmtId="176" fontId="10" fillId="3" borderId="2" xfId="0" applyNumberFormat="1" applyFont="1" applyFill="1" applyBorder="1" applyAlignment="1">
      <alignment horizontal="center" vertical="center" wrapText="1"/>
    </xf>
    <xf numFmtId="176" fontId="10" fillId="3" borderId="3" xfId="0" applyNumberFormat="1" applyFont="1" applyFill="1" applyBorder="1" applyAlignment="1">
      <alignment horizontal="center" vertical="center" wrapText="1"/>
    </xf>
    <xf numFmtId="177" fontId="10" fillId="3" borderId="1" xfId="0" applyNumberFormat="1" applyFont="1" applyFill="1" applyBorder="1" applyAlignment="1">
      <alignment horizontal="center" vertical="center"/>
    </xf>
    <xf numFmtId="177" fontId="10" fillId="3" borderId="4" xfId="0" applyNumberFormat="1" applyFont="1" applyFill="1" applyBorder="1" applyAlignment="1">
      <alignment horizontal="center" vertical="center" wrapText="1"/>
    </xf>
    <xf numFmtId="49" fontId="10" fillId="3" borderId="3" xfId="0" applyNumberFormat="1" applyFont="1" applyFill="1" applyBorder="1" applyAlignment="1">
      <alignment horizontal="center" vertical="center" wrapText="1"/>
    </xf>
    <xf numFmtId="177" fontId="10" fillId="3" borderId="4" xfId="0" applyNumberFormat="1" applyFont="1" applyFill="1" applyBorder="1" applyAlignment="1">
      <alignment horizontal="center" vertical="center"/>
    </xf>
    <xf numFmtId="179" fontId="10" fillId="3" borderId="3" xfId="0" applyNumberFormat="1" applyFont="1" applyFill="1" applyBorder="1" applyAlignment="1">
      <alignment horizontal="center" vertical="center" wrapText="1"/>
    </xf>
    <xf numFmtId="0" fontId="10" fillId="3" borderId="1" xfId="0" applyFont="1" applyFill="1" applyBorder="1" applyAlignment="1">
      <alignment horizontal="left" vertical="center"/>
    </xf>
    <xf numFmtId="176" fontId="10" fillId="3" borderId="4" xfId="0" applyNumberFormat="1" applyFont="1" applyFill="1" applyBorder="1" applyAlignment="1">
      <alignment horizontal="center" vertical="center" shrinkToFit="1"/>
    </xf>
    <xf numFmtId="176" fontId="10" fillId="3" borderId="2" xfId="0" applyNumberFormat="1" applyFont="1" applyFill="1" applyBorder="1" applyAlignment="1">
      <alignment horizontal="center" vertical="center" shrinkToFit="1"/>
    </xf>
    <xf numFmtId="178" fontId="10" fillId="3" borderId="19" xfId="0" applyNumberFormat="1" applyFont="1" applyFill="1" applyBorder="1" applyAlignment="1">
      <alignment horizontal="center" vertical="center"/>
    </xf>
    <xf numFmtId="0" fontId="10" fillId="3" borderId="6" xfId="0" applyFont="1" applyFill="1" applyBorder="1" applyAlignment="1">
      <alignment horizontal="center" vertical="center" shrinkToFit="1"/>
    </xf>
    <xf numFmtId="0" fontId="10" fillId="3" borderId="6" xfId="0" applyFont="1" applyFill="1" applyBorder="1" applyAlignment="1">
      <alignment horizontal="left" vertical="center" wrapText="1"/>
    </xf>
    <xf numFmtId="0" fontId="10" fillId="3" borderId="19" xfId="0" applyFont="1" applyFill="1" applyBorder="1" applyAlignment="1">
      <alignment horizontal="center" vertical="center"/>
    </xf>
    <xf numFmtId="0" fontId="10" fillId="3" borderId="6" xfId="0" applyFont="1" applyFill="1" applyBorder="1" applyAlignment="1">
      <alignment horizontal="center" vertical="center"/>
    </xf>
    <xf numFmtId="177" fontId="10" fillId="3" borderId="19" xfId="0" applyNumberFormat="1" applyFont="1" applyFill="1" applyBorder="1" applyAlignment="1">
      <alignment horizontal="center" vertical="center" wrapText="1"/>
    </xf>
    <xf numFmtId="176" fontId="10" fillId="3" borderId="7" xfId="0" applyNumberFormat="1" applyFont="1" applyFill="1" applyBorder="1" applyAlignment="1">
      <alignment horizontal="center" vertical="center" wrapText="1"/>
    </xf>
    <xf numFmtId="49" fontId="10" fillId="3" borderId="5" xfId="0" applyNumberFormat="1" applyFont="1" applyFill="1" applyBorder="1" applyAlignment="1">
      <alignment horizontal="center" vertical="center"/>
    </xf>
    <xf numFmtId="176" fontId="10" fillId="3" borderId="5" xfId="0" applyNumberFormat="1" applyFont="1" applyFill="1" applyBorder="1" applyAlignment="1">
      <alignment horizontal="center" vertical="center"/>
    </xf>
    <xf numFmtId="177" fontId="10" fillId="3" borderId="19" xfId="0" applyNumberFormat="1" applyFont="1" applyFill="1" applyBorder="1" applyAlignment="1">
      <alignment horizontal="center" vertical="center"/>
    </xf>
    <xf numFmtId="177" fontId="10" fillId="3" borderId="7" xfId="0" applyNumberFormat="1" applyFont="1" applyFill="1" applyBorder="1" applyAlignment="1">
      <alignment horizontal="center" vertical="center" wrapText="1"/>
    </xf>
    <xf numFmtId="179" fontId="10" fillId="3" borderId="7" xfId="0" applyNumberFormat="1" applyFont="1" applyFill="1" applyBorder="1" applyAlignment="1">
      <alignment horizontal="center" vertical="center"/>
    </xf>
    <xf numFmtId="177" fontId="10" fillId="3" borderId="5" xfId="0" applyNumberFormat="1" applyFont="1" applyFill="1" applyBorder="1" applyAlignment="1">
      <alignment horizontal="center" vertical="center"/>
    </xf>
    <xf numFmtId="179" fontId="10" fillId="3" borderId="8" xfId="0" applyNumberFormat="1" applyFont="1" applyFill="1" applyBorder="1" applyAlignment="1">
      <alignment horizontal="center" vertical="center"/>
    </xf>
    <xf numFmtId="179" fontId="10" fillId="3" borderId="19" xfId="0" applyNumberFormat="1" applyFont="1" applyFill="1" applyBorder="1" applyAlignment="1">
      <alignment horizontal="center" vertical="center"/>
    </xf>
    <xf numFmtId="49" fontId="10" fillId="3" borderId="8" xfId="0" applyNumberFormat="1" applyFont="1" applyFill="1" applyBorder="1" applyAlignment="1">
      <alignment horizontal="center" vertical="center" wrapText="1"/>
    </xf>
    <xf numFmtId="0" fontId="10" fillId="3" borderId="6" xfId="0" applyFont="1" applyFill="1" applyBorder="1" applyAlignment="1">
      <alignment horizontal="center" vertical="center" wrapText="1"/>
    </xf>
    <xf numFmtId="176" fontId="10" fillId="3" borderId="4" xfId="0" applyNumberFormat="1" applyFont="1" applyFill="1" applyBorder="1" applyAlignment="1">
      <alignment horizontal="center" vertical="center" wrapText="1"/>
    </xf>
    <xf numFmtId="177" fontId="10" fillId="3" borderId="1" xfId="0" applyNumberFormat="1" applyFont="1" applyFill="1" applyBorder="1" applyAlignment="1">
      <alignment horizontal="center" vertical="center" wrapText="1"/>
    </xf>
    <xf numFmtId="49" fontId="10" fillId="3" borderId="1" xfId="0" applyNumberFormat="1" applyFont="1" applyFill="1" applyBorder="1" applyAlignment="1">
      <alignment horizontal="center" vertical="center" wrapText="1"/>
    </xf>
    <xf numFmtId="0" fontId="10" fillId="3" borderId="20" xfId="0" applyFont="1" applyFill="1" applyBorder="1" applyAlignment="1">
      <alignment horizontal="left" vertical="center" wrapText="1"/>
    </xf>
    <xf numFmtId="49" fontId="8" fillId="0" borderId="0" xfId="1" applyNumberFormat="1" applyFont="1" applyBorder="1" applyAlignment="1">
      <alignment horizontal="center" vertical="center"/>
    </xf>
    <xf numFmtId="177" fontId="10" fillId="2" borderId="4" xfId="1" applyNumberFormat="1" applyFont="1" applyFill="1" applyBorder="1" applyAlignment="1">
      <alignment horizontal="center" vertical="center" shrinkToFit="1"/>
    </xf>
    <xf numFmtId="177" fontId="10" fillId="2" borderId="2" xfId="1" applyNumberFormat="1" applyFont="1" applyFill="1" applyBorder="1" applyAlignment="1">
      <alignment horizontal="center" vertical="center" shrinkToFit="1"/>
    </xf>
    <xf numFmtId="177" fontId="10" fillId="2" borderId="3" xfId="1" applyNumberFormat="1" applyFont="1" applyFill="1" applyBorder="1" applyAlignment="1">
      <alignment horizontal="center" vertical="center" shrinkToFit="1"/>
    </xf>
    <xf numFmtId="176" fontId="10" fillId="2" borderId="4" xfId="1" applyNumberFormat="1" applyFont="1" applyFill="1" applyBorder="1" applyAlignment="1">
      <alignment horizontal="center" vertical="center" shrinkToFit="1"/>
    </xf>
    <xf numFmtId="176" fontId="10" fillId="2" borderId="2" xfId="1" applyNumberFormat="1" applyFont="1" applyFill="1" applyBorder="1" applyAlignment="1">
      <alignment horizontal="center" vertical="center" shrinkToFit="1"/>
    </xf>
    <xf numFmtId="176" fontId="10" fillId="2" borderId="3" xfId="1" applyNumberFormat="1" applyFont="1" applyFill="1" applyBorder="1" applyAlignment="1">
      <alignment horizontal="center" vertical="center" shrinkToFit="1"/>
    </xf>
  </cellXfs>
  <cellStyles count="4">
    <cellStyle name="標準" xfId="0" builtinId="0"/>
    <cellStyle name="標準 2" xfId="2" xr:uid="{00000000-0005-0000-0000-000001000000}"/>
    <cellStyle name="標準 3" xfId="1" xr:uid="{00000000-0005-0000-0000-000002000000}"/>
    <cellStyle name="標準 4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10" Type="http://schemas.openxmlformats.org/officeDocument/2006/relationships/externalLink" Target="externalLinks/externalLink9.xml"/><Relationship Id="rId19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esui.local\fs\20&#26045;&#35373;&#31649;&#29702;&#37096;\2011&#31649;&#29702;&#35506;\01&#24246;&#21209;&#20418;\&#20196;&#21644;5&#24180;&#24230;\05_&#20154;&#20107;&#25285;&#24403;&#65288;&#27231;&#23494;A&#65289;\17_&#12452;&#12531;&#12479;&#12540;&#12531;&#12471;&#12483;&#12503;\01_&#21463;&#20837;&#21487;&#33021;&#32887;&#22580;&#12398;&#35519;&#26619;\03_&#21508;&#35506;&#22238;&#31572;\&#12304;&#26045;&#35373;&#20445;&#20840;&#35506;&#22238;&#31572;&#12305;03-1_&#12304;&#31532;&#65297;&#12479;&#12540;&#12512;&#12305;&#37117;&#24193;&#12452;&#12531;&#12479;&#12540;&#12531;&#12471;&#12483;&#12503;2023&#23455;&#32722;&#37096;&#32626;&#35519;&#26619;&#31080;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20154;&#20107;&#35506;\&#20154;&#20107;&#25285;&#24403;\&#20154;&#26448;&#32946;&#25104;&#25285;&#24403;\&#9675;&#24180;&#24230;&#21029;&#12501;&#12457;&#12523;&#12480;\R05\06%20&#26032;&#35215;&#25505;&#29992;&#32887;&#21729;\04%20&#12452;&#12531;&#12479;&#12540;&#12531;&#12471;&#12483;&#12503;\01%20&#20154;&#20107;&#37096;&#12452;&#12531;&#12479;&#12540;&#12531;&#12471;&#12483;&#12503;\03%20&#21508;&#37096;&#12363;&#12425;&#22238;&#31572;\06%20&#36554;&#38651;&#37096;&#9675;\04_&#37117;&#24193;&#12452;&#12531;&#12479;&#12540;&#12531;&#12471;&#12483;&#12503;2023&#23455;&#32722;&#37096;&#32626;&#35519;&#26619;&#31080;&#12304;&#36554;&#20001;&#38651;&#27671;&#37096;&#12305;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32.2\11-40_&#32207;&#21209;&#37096;&#12487;&#12472;&#12479;&#12523;&#20154;&#26448;&#25126;&#30053;&#35506;\03_ICT&#20154;&#26448;&#25505;&#29992;&#25285;&#24403;\20_&#25505;&#29992;&#12452;&#12505;&#12531;&#12488;&#38306;&#36899;&#26989;&#21209;\10_&#37117;&#24193;&#12452;&#12531;&#12479;&#12540;&#12531;&#12471;&#12483;&#12503;&#23550;&#24540;\R5\10_&#21463;&#20837;&#35519;&#26619;\20230418_&#25512;&#36914;&#37096;&#12363;&#12425;&#22238;&#31572;\&#65288;&#25512;&#36914;&#37096;&#65289;&#12304;&#12487;&#12472;ICT&#12305;04_&#37117;&#24193;&#12452;&#12531;&#12479;&#12540;&#12531;&#12471;&#12483;&#12503;2023&#23455;&#32722;&#37096;&#32626;&#35519;&#26619;&#31080;%20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esui.local\fs\20&#26045;&#35373;&#31649;&#29702;&#37096;\2011&#31649;&#29702;&#35506;\01&#24246;&#21209;&#20418;\&#20196;&#21644;5&#24180;&#24230;\05_&#20154;&#20107;&#25285;&#24403;&#65288;&#27231;&#23494;A&#65289;\17_&#12452;&#12531;&#12479;&#12540;&#12531;&#12471;&#12483;&#12503;\01_&#21463;&#20837;&#21487;&#33021;&#32887;&#22580;&#12398;&#35519;&#26619;\04_&#22238;&#31572;\03-1_&#12304;&#31532;&#65297;&#12479;&#12540;&#12512;&#12305;&#37117;&#24193;&#12452;&#12531;&#12479;&#12540;&#12531;&#12471;&#12483;&#12503;2023&#23455;&#32722;&#37096;&#32626;&#35519;&#26619;&#31080;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esui.local\fs\20&#26045;&#35373;&#31649;&#29702;&#37096;\2011&#31649;&#29702;&#35506;\01&#24246;&#21209;&#20418;\&#20196;&#21644;5&#24180;&#24230;\05_&#20154;&#20107;&#25285;&#24403;&#65288;&#27231;&#23494;A&#65289;\17_&#12452;&#12531;&#12479;&#12540;&#12531;&#12471;&#12483;&#12503;\01_&#21463;&#20837;&#21487;&#33021;&#32887;&#22580;&#12398;&#35519;&#26619;\03_&#21508;&#35506;&#22238;&#31572;\&#65288;&#31649;&#36335;&#31649;&#29702;&#35506;&#65289;03-1_&#12304;&#31532;&#65297;&#12479;&#12540;&#12512;&#12305;&#37117;&#24193;&#12452;&#12531;&#12479;&#12540;&#12531;&#12471;&#12483;&#12503;2023&#23455;&#32722;&#37096;&#32626;&#35519;&#26619;&#31080;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9_&#27700;&#36947;&#23616;&#9679;\&#65288;&#26657;&#27491;&#30906;&#35469;&#29992;&#65289;&#12304;&#27700;&#36947;&#23616;&#12305;04_&#37117;&#24193;&#12452;&#12531;&#12479;&#12540;&#12531;&#12471;&#12483;&#12503;2023&#23455;&#32722;&#37096;&#32626;&#35519;&#26619;&#3108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3900/AppData/Local/Microsoft/Windows/INetCache/Content.Outlook/AJUZTJAI/&#65288;&#37117;&#23433;&#37096;&#65289;02_&#12304;&#29983;&#25991;&#12473;&#23616;&#12305;&#37117;&#24193;&#12452;&#12531;&#12479;&#12540;&#12531;&#12471;&#12483;&#12503;2023&#23455;&#32722;&#37096;&#32626;&#35519;&#26619;&#31080;_%20(002)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61.10\&#32207;&#21209;&#37096;\&#32887;&#21729;&#35506;\&#32887;&#21729;&#35506;&#20849;&#26377;\26&#12288;&#12452;&#12531;&#12479;&#12540;&#12531;&#12471;&#12483;&#12503;\R5&#24180;&#24230;\&#20196;&#21644;5&#24180;&#24230;&#37117;&#24193;&#12452;&#12531;&#12479;&#12540;&#12531;&#12471;&#12483;&#12503;\20230406_&#21463;&#20837;&#32887;&#22580;&#12398;&#35373;&#23450;&#31561;&#12395;&#12388;&#12356;&#12390;\11_&#21508;&#37096;&#25152;&#12424;&#12426;&#22238;&#31572;\&#24314;&#31689;&#37096;\&#12304;&#24314;&#31689;&#37096;&#12539;&#20877;&#25552;&#20986;&#12305;04_&#37117;&#24193;&#12452;&#12531;&#12479;&#12540;&#12531;&#12471;&#12483;&#12503;2023&#23455;&#32722;&#37096;&#32626;&#35519;&#26619;&#31080;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12304;&#20225;&#30011;&#35506;&#12305;&#37117;&#24193;&#12452;&#12531;&#12479;&#12540;&#12531;&#12471;&#12483;&#12503;2022&#23455;&#32722;&#37096;&#32626;&#35519;&#26619;&#31080;%20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61.10\&#32207;&#21209;&#37096;\&#32887;&#21729;&#35506;\&#32887;&#21729;&#35506;&#20849;&#26377;\26&#12288;&#12452;&#12531;&#12479;&#12540;&#12531;&#12471;&#12483;&#12503;\R5&#24180;&#24230;\&#20196;&#21644;5&#24180;&#24230;&#37117;&#24193;&#12452;&#12531;&#12479;&#12540;&#12531;&#12471;&#12483;&#12503;\20230406_&#21463;&#20837;&#32887;&#22580;&#12398;&#35373;&#23450;&#31561;&#12395;&#12388;&#12356;&#12390;\11_&#21508;&#37096;&#25152;&#12424;&#12426;&#22238;&#31572;\&#22522;&#30436;&#37096;\230426&#12304;&#22522;&#30436;&#37096;&#12305;04_&#37117;&#24193;&#12452;&#12531;&#12479;&#12540;&#12531;&#12471;&#12483;&#12503;2023&#23455;&#32722;&#37096;&#32626;&#35519;&#26619;&#31080;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61.10\&#32207;&#21209;&#37096;\&#32887;&#21729;&#35506;\&#32887;&#21729;&#35506;&#20849;&#26377;\26&#12288;&#12452;&#12531;&#12479;&#12540;&#12531;&#12471;&#12483;&#12503;\R5&#24180;&#24230;\&#20196;&#21644;5&#24180;&#24230;&#37117;&#24193;&#12452;&#12531;&#12479;&#12540;&#12531;&#12471;&#12483;&#12503;\20230406_&#21463;&#20837;&#32887;&#22580;&#12398;&#35373;&#23450;&#31561;&#12395;&#12388;&#12356;&#12390;\11_&#21508;&#37096;&#25152;&#12424;&#12426;&#22238;&#31572;\&#19968;&#25972;\04_&#37117;&#24193;&#12452;&#12531;&#12479;&#12540;&#12531;&#12471;&#12483;&#12503;2023&#23455;&#32722;&#37096;&#32626;&#35519;&#26619;&#31080;_%20&#65288;&#19968;&#25972;&#65289;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61.10\&#32207;&#21209;&#37096;\&#32887;&#21729;&#35506;\&#32887;&#21729;&#35506;&#20849;&#26377;\26&#12288;&#12452;&#12531;&#12479;&#12540;&#12531;&#12471;&#12483;&#12503;\R5&#24180;&#24230;\&#20196;&#21644;5&#24180;&#24230;&#37117;&#24193;&#12452;&#12531;&#12479;&#12540;&#12531;&#12471;&#12483;&#12503;\20230406_&#21463;&#20837;&#32887;&#22580;&#12398;&#35373;&#23450;&#31561;&#12395;&#12388;&#12356;&#12390;\11_&#21508;&#37096;&#25152;&#12424;&#12426;&#22238;&#31572;\&#20108;&#25972;\&#65288;&#20108;&#25972;&#65289;04_&#37117;&#24193;&#12452;&#12531;&#12479;&#12540;&#12531;&#12471;&#12483;&#12503;2023&#23455;&#32722;&#37096;&#32626;&#35519;&#26619;&#31080;_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0_&#20303;&#25919;&#23616;&#9679;\&#65288;&#26657;&#27491;&#30906;&#35469;&#29992;&#65289;&#37117;&#24193;&#12452;&#12531;&#12479;&#12540;&#12531;&#12471;&#12483;&#12503;2023&#23455;&#32722;&#37096;&#32626;&#35519;&#26619;&#31080;&#65288;&#20303;&#25919;&#20462;&#27491;&#65289;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6_&#28207;&#28286;&#23616;&#9675;\&#65288;&#26657;&#27491;&#30906;&#35469;&#29992;&#65289;&#12304;&#28207;&#28286;&#23616;&#12305;04_&#37117;&#24193;&#12452;&#12531;&#12479;&#12540;&#12531;&#12471;&#12483;&#12503;2023&#23455;&#32722;&#37096;&#32626;&#35519;&#26619;&#31080;%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"/>
      <sheetName val="（参考）R4年度 調査票"/>
      <sheetName val="（参考）R4年度プレス 実習一覧"/>
      <sheetName val="（参考）R4年度 事前連絡カ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"/>
      <sheetName val="（参考）R4年度 調査票"/>
      <sheetName val="（参考）R4年度プレス 実習一覧"/>
      <sheetName val="（参考）R4年度 事前連絡カ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"/>
      <sheetName val="（参考）R4年度 調査票"/>
      <sheetName val="（参考）R4年度プレス 実習一覧"/>
      <sheetName val="（参考）R4年度 事前連絡カ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Y59"/>
  <sheetViews>
    <sheetView tabSelected="1" view="pageBreakPreview" zoomScale="70" zoomScaleNormal="80" zoomScaleSheetLayoutView="70" workbookViewId="0">
      <selection activeCell="AK57" sqref="AK57"/>
    </sheetView>
  </sheetViews>
  <sheetFormatPr defaultColWidth="9" defaultRowHeight="17.399999999999999" x14ac:dyDescent="0.2"/>
  <cols>
    <col min="1" max="1" width="5.77734375" style="27" customWidth="1"/>
    <col min="2" max="2" width="16.21875" style="1" customWidth="1"/>
    <col min="3" max="3" width="16.88671875" style="28" customWidth="1"/>
    <col min="4" max="4" width="18.21875" style="1" customWidth="1"/>
    <col min="5" max="5" width="5.33203125" style="28" customWidth="1"/>
    <col min="6" max="6" width="8.6640625" style="28" customWidth="1"/>
    <col min="7" max="7" width="5.44140625" style="25" customWidth="1"/>
    <col min="8" max="8" width="5.109375" style="28" customWidth="1"/>
    <col min="9" max="9" width="4.33203125" style="26" customWidth="1"/>
    <col min="10" max="10" width="3.44140625" style="28" customWidth="1"/>
    <col min="11" max="11" width="5.44140625" style="28" customWidth="1"/>
    <col min="12" max="12" width="4.33203125" style="26" customWidth="1"/>
    <col min="13" max="13" width="4.88671875" style="1" customWidth="1"/>
    <col min="14" max="14" width="12.77734375" style="28" customWidth="1"/>
    <col min="15" max="15" width="6.33203125" style="32" customWidth="1"/>
    <col min="16" max="16" width="3.33203125" style="28" customWidth="1"/>
    <col min="17" max="17" width="6.33203125" style="32" customWidth="1"/>
    <col min="18" max="18" width="12.44140625" style="1" customWidth="1"/>
    <col min="19" max="19" width="16.109375" style="35" customWidth="1"/>
    <col min="20" max="20" width="37.109375" style="1" customWidth="1"/>
    <col min="21" max="21" width="10.88671875" style="28" customWidth="1"/>
    <col min="22" max="24" width="9.21875" style="28" customWidth="1"/>
    <col min="25" max="25" width="29.6640625" style="33" customWidth="1"/>
    <col min="26" max="16384" width="9" style="1"/>
  </cols>
  <sheetData>
    <row r="1" spans="1:25" ht="37.5" customHeight="1" x14ac:dyDescent="0.2">
      <c r="A1" s="124" t="s">
        <v>287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124"/>
      <c r="P1" s="124"/>
      <c r="Q1" s="124"/>
      <c r="R1" s="124"/>
      <c r="S1" s="124"/>
      <c r="T1" s="124"/>
      <c r="U1" s="124"/>
      <c r="V1" s="124"/>
      <c r="W1" s="124"/>
      <c r="X1" s="124"/>
      <c r="Y1" s="124"/>
    </row>
    <row r="2" spans="1:25" s="29" customFormat="1" ht="32.25" customHeight="1" x14ac:dyDescent="0.2">
      <c r="A2" s="2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4" t="s">
        <v>5</v>
      </c>
      <c r="G2" s="5" t="s">
        <v>6</v>
      </c>
      <c r="H2" s="128" t="s">
        <v>7</v>
      </c>
      <c r="I2" s="129"/>
      <c r="J2" s="39" t="s">
        <v>143</v>
      </c>
      <c r="K2" s="129" t="s">
        <v>8</v>
      </c>
      <c r="L2" s="130"/>
      <c r="M2" s="6" t="s">
        <v>9</v>
      </c>
      <c r="N2" s="37" t="s">
        <v>10</v>
      </c>
      <c r="O2" s="125" t="s">
        <v>64</v>
      </c>
      <c r="P2" s="126"/>
      <c r="Q2" s="127"/>
      <c r="R2" s="38" t="s">
        <v>11</v>
      </c>
      <c r="S2" s="34" t="s">
        <v>12</v>
      </c>
      <c r="T2" s="7" t="s">
        <v>19</v>
      </c>
      <c r="U2" s="7" t="s">
        <v>13</v>
      </c>
      <c r="V2" s="36" t="s">
        <v>47</v>
      </c>
      <c r="W2" s="36" t="s">
        <v>48</v>
      </c>
      <c r="X2" s="36" t="s">
        <v>63</v>
      </c>
      <c r="Y2" s="7" t="s">
        <v>14</v>
      </c>
    </row>
    <row r="3" spans="1:25" s="30" customFormat="1" ht="180" customHeight="1" x14ac:dyDescent="0.2">
      <c r="A3" s="8">
        <v>32</v>
      </c>
      <c r="B3" s="8" t="s">
        <v>32</v>
      </c>
      <c r="C3" s="9" t="s">
        <v>113</v>
      </c>
      <c r="D3" s="10" t="s">
        <v>158</v>
      </c>
      <c r="E3" s="11" t="s">
        <v>21</v>
      </c>
      <c r="F3" s="11" t="s">
        <v>74</v>
      </c>
      <c r="G3" s="13">
        <v>2</v>
      </c>
      <c r="H3" s="14">
        <v>45181</v>
      </c>
      <c r="I3" s="41" t="s">
        <v>157</v>
      </c>
      <c r="J3" s="16" t="s">
        <v>17</v>
      </c>
      <c r="K3" s="17">
        <v>45184</v>
      </c>
      <c r="L3" s="41" t="s">
        <v>159</v>
      </c>
      <c r="M3" s="19">
        <v>4</v>
      </c>
      <c r="N3" s="12" t="s">
        <v>150</v>
      </c>
      <c r="O3" s="88">
        <v>0.33333333333333331</v>
      </c>
      <c r="P3" s="21" t="s">
        <v>17</v>
      </c>
      <c r="Q3" s="89">
        <v>0.69791666666666663</v>
      </c>
      <c r="R3" s="12" t="s">
        <v>160</v>
      </c>
      <c r="S3" s="12" t="s">
        <v>31</v>
      </c>
      <c r="T3" s="10" t="s">
        <v>111</v>
      </c>
      <c r="U3" s="12" t="s">
        <v>177</v>
      </c>
      <c r="V3" s="11" t="s">
        <v>18</v>
      </c>
      <c r="W3" s="11" t="s">
        <v>18</v>
      </c>
      <c r="X3" s="11" t="s">
        <v>18</v>
      </c>
      <c r="Y3" s="40" t="s">
        <v>112</v>
      </c>
    </row>
    <row r="4" spans="1:25" s="30" customFormat="1" ht="217.95" customHeight="1" x14ac:dyDescent="0.2">
      <c r="A4" s="8">
        <v>34</v>
      </c>
      <c r="B4" s="8" t="s">
        <v>32</v>
      </c>
      <c r="C4" s="9" t="s">
        <v>128</v>
      </c>
      <c r="D4" s="10" t="s">
        <v>161</v>
      </c>
      <c r="E4" s="11" t="s">
        <v>21</v>
      </c>
      <c r="F4" s="11" t="s">
        <v>90</v>
      </c>
      <c r="G4" s="13">
        <v>1</v>
      </c>
      <c r="H4" s="14">
        <v>45181</v>
      </c>
      <c r="I4" s="41" t="s">
        <v>157</v>
      </c>
      <c r="J4" s="16" t="s">
        <v>17</v>
      </c>
      <c r="K4" s="17">
        <v>45184</v>
      </c>
      <c r="L4" s="41" t="s">
        <v>159</v>
      </c>
      <c r="M4" s="19">
        <v>2</v>
      </c>
      <c r="N4" s="12" t="s">
        <v>138</v>
      </c>
      <c r="O4" s="88">
        <v>0.375</v>
      </c>
      <c r="P4" s="21" t="s">
        <v>17</v>
      </c>
      <c r="Q4" s="89">
        <v>0.6875</v>
      </c>
      <c r="R4" s="12" t="s">
        <v>162</v>
      </c>
      <c r="S4" s="12" t="s">
        <v>163</v>
      </c>
      <c r="T4" s="10" t="s">
        <v>164</v>
      </c>
      <c r="U4" s="12" t="s">
        <v>72</v>
      </c>
      <c r="V4" s="11" t="s">
        <v>18</v>
      </c>
      <c r="W4" s="11" t="s">
        <v>18</v>
      </c>
      <c r="X4" s="11" t="s">
        <v>18</v>
      </c>
      <c r="Y4" s="12" t="s">
        <v>150</v>
      </c>
    </row>
    <row r="5" spans="1:25" s="30" customFormat="1" ht="180" customHeight="1" x14ac:dyDescent="0.2">
      <c r="A5" s="8">
        <v>36</v>
      </c>
      <c r="B5" s="8" t="s">
        <v>32</v>
      </c>
      <c r="C5" s="9" t="s">
        <v>110</v>
      </c>
      <c r="D5" s="10" t="s">
        <v>114</v>
      </c>
      <c r="E5" s="11" t="s">
        <v>21</v>
      </c>
      <c r="F5" s="12" t="s">
        <v>22</v>
      </c>
      <c r="G5" s="13">
        <v>2</v>
      </c>
      <c r="H5" s="14">
        <v>44816</v>
      </c>
      <c r="I5" s="41" t="s">
        <v>144</v>
      </c>
      <c r="J5" s="16" t="s">
        <v>17</v>
      </c>
      <c r="K5" s="17">
        <v>44819</v>
      </c>
      <c r="L5" s="41" t="s">
        <v>147</v>
      </c>
      <c r="M5" s="19">
        <v>4</v>
      </c>
      <c r="N5" s="12" t="s">
        <v>156</v>
      </c>
      <c r="O5" s="88">
        <v>0.35416666666666669</v>
      </c>
      <c r="P5" s="21" t="s">
        <v>17</v>
      </c>
      <c r="Q5" s="89">
        <v>0.71875</v>
      </c>
      <c r="R5" s="12" t="s">
        <v>115</v>
      </c>
      <c r="S5" s="12" t="s">
        <v>165</v>
      </c>
      <c r="T5" s="10" t="s">
        <v>166</v>
      </c>
      <c r="U5" s="12" t="s">
        <v>24</v>
      </c>
      <c r="V5" s="11" t="s">
        <v>18</v>
      </c>
      <c r="W5" s="11" t="s">
        <v>18</v>
      </c>
      <c r="X5" s="11" t="s">
        <v>18</v>
      </c>
      <c r="Y5" s="12" t="s">
        <v>156</v>
      </c>
    </row>
    <row r="6" spans="1:25" s="30" customFormat="1" ht="180" customHeight="1" x14ac:dyDescent="0.2">
      <c r="A6" s="8">
        <v>37</v>
      </c>
      <c r="B6" s="8" t="s">
        <v>32</v>
      </c>
      <c r="C6" s="9" t="s">
        <v>128</v>
      </c>
      <c r="D6" s="10" t="s">
        <v>167</v>
      </c>
      <c r="E6" s="11" t="s">
        <v>21</v>
      </c>
      <c r="F6" s="11" t="s">
        <v>168</v>
      </c>
      <c r="G6" s="13">
        <v>2</v>
      </c>
      <c r="H6" s="14">
        <v>44816</v>
      </c>
      <c r="I6" s="41" t="s">
        <v>144</v>
      </c>
      <c r="J6" s="16" t="s">
        <v>17</v>
      </c>
      <c r="K6" s="17">
        <v>44819</v>
      </c>
      <c r="L6" s="41" t="s">
        <v>147</v>
      </c>
      <c r="M6" s="19">
        <v>4</v>
      </c>
      <c r="N6" s="12" t="s">
        <v>156</v>
      </c>
      <c r="O6" s="88">
        <v>0.35416666666666669</v>
      </c>
      <c r="P6" s="21" t="s">
        <v>17</v>
      </c>
      <c r="Q6" s="89">
        <v>0.71875</v>
      </c>
      <c r="R6" s="12" t="s">
        <v>115</v>
      </c>
      <c r="S6" s="12" t="s">
        <v>151</v>
      </c>
      <c r="T6" s="10" t="s">
        <v>169</v>
      </c>
      <c r="U6" s="12" t="s">
        <v>116</v>
      </c>
      <c r="V6" s="11" t="s">
        <v>18</v>
      </c>
      <c r="W6" s="11" t="s">
        <v>18</v>
      </c>
      <c r="X6" s="11" t="s">
        <v>18</v>
      </c>
      <c r="Y6" s="40" t="s">
        <v>117</v>
      </c>
    </row>
    <row r="7" spans="1:25" s="30" customFormat="1" ht="217.95" customHeight="1" x14ac:dyDescent="0.2">
      <c r="A7" s="8">
        <v>38</v>
      </c>
      <c r="B7" s="8" t="s">
        <v>32</v>
      </c>
      <c r="C7" s="9" t="s">
        <v>128</v>
      </c>
      <c r="D7" s="10" t="s">
        <v>167</v>
      </c>
      <c r="E7" s="11" t="s">
        <v>21</v>
      </c>
      <c r="F7" s="12" t="s">
        <v>84</v>
      </c>
      <c r="G7" s="13">
        <v>3</v>
      </c>
      <c r="H7" s="14">
        <v>44816</v>
      </c>
      <c r="I7" s="15" t="s">
        <v>144</v>
      </c>
      <c r="J7" s="16" t="s">
        <v>17</v>
      </c>
      <c r="K7" s="17">
        <v>44819</v>
      </c>
      <c r="L7" s="15" t="s">
        <v>147</v>
      </c>
      <c r="M7" s="19">
        <v>4</v>
      </c>
      <c r="N7" s="12" t="s">
        <v>156</v>
      </c>
      <c r="O7" s="88">
        <v>0.35416666666666669</v>
      </c>
      <c r="P7" s="21" t="s">
        <v>17</v>
      </c>
      <c r="Q7" s="89">
        <v>0.71875</v>
      </c>
      <c r="R7" s="12" t="s">
        <v>115</v>
      </c>
      <c r="S7" s="12" t="s">
        <v>151</v>
      </c>
      <c r="T7" s="10" t="s">
        <v>169</v>
      </c>
      <c r="U7" s="12" t="s">
        <v>116</v>
      </c>
      <c r="V7" s="11" t="s">
        <v>18</v>
      </c>
      <c r="W7" s="11" t="s">
        <v>18</v>
      </c>
      <c r="X7" s="11" t="s">
        <v>18</v>
      </c>
      <c r="Y7" s="40" t="s">
        <v>117</v>
      </c>
    </row>
    <row r="8" spans="1:25" s="30" customFormat="1" ht="213.6" customHeight="1" x14ac:dyDescent="0.2">
      <c r="A8" s="8">
        <v>39</v>
      </c>
      <c r="B8" s="8" t="s">
        <v>32</v>
      </c>
      <c r="C8" s="9" t="s">
        <v>110</v>
      </c>
      <c r="D8" s="10" t="s">
        <v>118</v>
      </c>
      <c r="E8" s="11" t="s">
        <v>21</v>
      </c>
      <c r="F8" s="11" t="s">
        <v>22</v>
      </c>
      <c r="G8" s="13">
        <v>3</v>
      </c>
      <c r="H8" s="14">
        <v>45182</v>
      </c>
      <c r="I8" s="41" t="s">
        <v>145</v>
      </c>
      <c r="J8" s="16" t="s">
        <v>17</v>
      </c>
      <c r="K8" s="17">
        <v>45184</v>
      </c>
      <c r="L8" s="41" t="s">
        <v>147</v>
      </c>
      <c r="M8" s="19">
        <v>3</v>
      </c>
      <c r="N8" s="12" t="s">
        <v>156</v>
      </c>
      <c r="O8" s="88">
        <v>0.35416666666666669</v>
      </c>
      <c r="P8" s="21" t="s">
        <v>17</v>
      </c>
      <c r="Q8" s="89">
        <v>0.71875</v>
      </c>
      <c r="R8" s="12" t="s">
        <v>156</v>
      </c>
      <c r="S8" s="12" t="s">
        <v>30</v>
      </c>
      <c r="T8" s="10" t="s">
        <v>119</v>
      </c>
      <c r="U8" s="12" t="s">
        <v>120</v>
      </c>
      <c r="V8" s="11"/>
      <c r="W8" s="11"/>
      <c r="X8" s="11"/>
      <c r="Y8" s="12" t="s">
        <v>156</v>
      </c>
    </row>
    <row r="9" spans="1:25" s="30" customFormat="1" ht="213.6" customHeight="1" x14ac:dyDescent="0.2">
      <c r="A9" s="8">
        <v>40</v>
      </c>
      <c r="B9" s="8" t="s">
        <v>32</v>
      </c>
      <c r="C9" s="9" t="s">
        <v>110</v>
      </c>
      <c r="D9" s="10" t="s">
        <v>121</v>
      </c>
      <c r="E9" s="11" t="s">
        <v>21</v>
      </c>
      <c r="F9" s="11" t="s">
        <v>22</v>
      </c>
      <c r="G9" s="13">
        <v>2</v>
      </c>
      <c r="H9" s="14">
        <v>45182</v>
      </c>
      <c r="I9" s="41" t="s">
        <v>145</v>
      </c>
      <c r="J9" s="16" t="s">
        <v>17</v>
      </c>
      <c r="K9" s="17">
        <v>45184</v>
      </c>
      <c r="L9" s="41" t="s">
        <v>147</v>
      </c>
      <c r="M9" s="19">
        <v>3</v>
      </c>
      <c r="N9" s="12" t="s">
        <v>156</v>
      </c>
      <c r="O9" s="88">
        <v>0.35416666666666669</v>
      </c>
      <c r="P9" s="21" t="s">
        <v>17</v>
      </c>
      <c r="Q9" s="89">
        <v>0.71875</v>
      </c>
      <c r="R9" s="12" t="s">
        <v>156</v>
      </c>
      <c r="S9" s="12" t="s">
        <v>30</v>
      </c>
      <c r="T9" s="10" t="s">
        <v>119</v>
      </c>
      <c r="U9" s="12" t="s">
        <v>120</v>
      </c>
      <c r="V9" s="11"/>
      <c r="W9" s="11"/>
      <c r="X9" s="11"/>
      <c r="Y9" s="12" t="s">
        <v>156</v>
      </c>
    </row>
    <row r="10" spans="1:25" s="30" customFormat="1" ht="213.6" customHeight="1" x14ac:dyDescent="0.2">
      <c r="A10" s="8">
        <v>41</v>
      </c>
      <c r="B10" s="8" t="s">
        <v>32</v>
      </c>
      <c r="C10" s="9" t="s">
        <v>113</v>
      </c>
      <c r="D10" s="10" t="s">
        <v>122</v>
      </c>
      <c r="E10" s="11" t="s">
        <v>21</v>
      </c>
      <c r="F10" s="11" t="s">
        <v>22</v>
      </c>
      <c r="G10" s="13">
        <v>1</v>
      </c>
      <c r="H10" s="14">
        <v>45181</v>
      </c>
      <c r="I10" s="41" t="s">
        <v>157</v>
      </c>
      <c r="J10" s="16" t="s">
        <v>17</v>
      </c>
      <c r="K10" s="17">
        <v>45184</v>
      </c>
      <c r="L10" s="41" t="s">
        <v>159</v>
      </c>
      <c r="M10" s="19">
        <v>4</v>
      </c>
      <c r="N10" s="12" t="s">
        <v>150</v>
      </c>
      <c r="O10" s="88">
        <v>0.35416666666666669</v>
      </c>
      <c r="P10" s="21" t="s">
        <v>17</v>
      </c>
      <c r="Q10" s="89">
        <v>0.71875</v>
      </c>
      <c r="R10" s="12" t="s">
        <v>150</v>
      </c>
      <c r="S10" s="12" t="s">
        <v>30</v>
      </c>
      <c r="T10" s="10" t="s">
        <v>123</v>
      </c>
      <c r="U10" s="12" t="s">
        <v>120</v>
      </c>
      <c r="V10" s="11" t="s">
        <v>18</v>
      </c>
      <c r="W10" s="11" t="s">
        <v>18</v>
      </c>
      <c r="X10" s="11" t="s">
        <v>18</v>
      </c>
      <c r="Y10" s="40" t="s">
        <v>124</v>
      </c>
    </row>
    <row r="11" spans="1:25" s="30" customFormat="1" ht="213.6" customHeight="1" x14ac:dyDescent="0.2">
      <c r="A11" s="8">
        <v>42</v>
      </c>
      <c r="B11" s="8" t="s">
        <v>32</v>
      </c>
      <c r="C11" s="9" t="s">
        <v>113</v>
      </c>
      <c r="D11" s="10" t="s">
        <v>125</v>
      </c>
      <c r="E11" s="11" t="s">
        <v>21</v>
      </c>
      <c r="F11" s="12" t="s">
        <v>22</v>
      </c>
      <c r="G11" s="13">
        <v>1</v>
      </c>
      <c r="H11" s="14">
        <v>45181</v>
      </c>
      <c r="I11" s="41" t="s">
        <v>157</v>
      </c>
      <c r="J11" s="16" t="s">
        <v>17</v>
      </c>
      <c r="K11" s="17">
        <v>45184</v>
      </c>
      <c r="L11" s="41" t="s">
        <v>159</v>
      </c>
      <c r="M11" s="19">
        <v>4</v>
      </c>
      <c r="N11" s="12" t="s">
        <v>150</v>
      </c>
      <c r="O11" s="88">
        <v>0.35416666666666669</v>
      </c>
      <c r="P11" s="21" t="s">
        <v>17</v>
      </c>
      <c r="Q11" s="89">
        <v>0.71875</v>
      </c>
      <c r="R11" s="12" t="s">
        <v>150</v>
      </c>
      <c r="S11" s="12" t="s">
        <v>30</v>
      </c>
      <c r="T11" s="10" t="s">
        <v>170</v>
      </c>
      <c r="U11" s="12" t="s">
        <v>126</v>
      </c>
      <c r="V11" s="11" t="s">
        <v>18</v>
      </c>
      <c r="W11" s="11" t="s">
        <v>18</v>
      </c>
      <c r="X11" s="11" t="s">
        <v>18</v>
      </c>
      <c r="Y11" s="40" t="s">
        <v>124</v>
      </c>
    </row>
    <row r="12" spans="1:25" s="30" customFormat="1" ht="213.6" customHeight="1" x14ac:dyDescent="0.2">
      <c r="A12" s="8">
        <v>43</v>
      </c>
      <c r="B12" s="8" t="s">
        <v>32</v>
      </c>
      <c r="C12" s="9" t="s">
        <v>113</v>
      </c>
      <c r="D12" s="10" t="s">
        <v>171</v>
      </c>
      <c r="E12" s="11" t="s">
        <v>21</v>
      </c>
      <c r="F12" s="11" t="s">
        <v>22</v>
      </c>
      <c r="G12" s="13">
        <v>2</v>
      </c>
      <c r="H12" s="14">
        <v>45181</v>
      </c>
      <c r="I12" s="15" t="s">
        <v>157</v>
      </c>
      <c r="J12" s="16" t="s">
        <v>17</v>
      </c>
      <c r="K12" s="17">
        <v>45184</v>
      </c>
      <c r="L12" s="15" t="s">
        <v>159</v>
      </c>
      <c r="M12" s="19">
        <v>4</v>
      </c>
      <c r="N12" s="12" t="s">
        <v>150</v>
      </c>
      <c r="O12" s="88">
        <v>0.35416666666666669</v>
      </c>
      <c r="P12" s="21" t="s">
        <v>17</v>
      </c>
      <c r="Q12" s="89">
        <v>0.71875</v>
      </c>
      <c r="R12" s="12" t="s">
        <v>150</v>
      </c>
      <c r="S12" s="12" t="s">
        <v>30</v>
      </c>
      <c r="T12" s="10" t="s">
        <v>127</v>
      </c>
      <c r="U12" s="12" t="s">
        <v>120</v>
      </c>
      <c r="V12" s="11" t="s">
        <v>18</v>
      </c>
      <c r="W12" s="11" t="s">
        <v>18</v>
      </c>
      <c r="X12" s="11" t="s">
        <v>18</v>
      </c>
      <c r="Y12" s="40" t="s">
        <v>124</v>
      </c>
    </row>
    <row r="13" spans="1:25" s="30" customFormat="1" ht="213.6" customHeight="1" x14ac:dyDescent="0.2">
      <c r="A13" s="8">
        <v>45</v>
      </c>
      <c r="B13" s="8" t="s">
        <v>32</v>
      </c>
      <c r="C13" s="9" t="s">
        <v>113</v>
      </c>
      <c r="D13" s="10" t="s">
        <v>172</v>
      </c>
      <c r="E13" s="11" t="s">
        <v>21</v>
      </c>
      <c r="F13" s="11" t="s">
        <v>22</v>
      </c>
      <c r="G13" s="13">
        <v>1</v>
      </c>
      <c r="H13" s="14">
        <v>45180</v>
      </c>
      <c r="I13" s="41" t="s">
        <v>34</v>
      </c>
      <c r="J13" s="16" t="s">
        <v>17</v>
      </c>
      <c r="K13" s="17">
        <v>45184</v>
      </c>
      <c r="L13" s="41" t="s">
        <v>147</v>
      </c>
      <c r="M13" s="19">
        <v>3</v>
      </c>
      <c r="N13" s="12" t="s">
        <v>149</v>
      </c>
      <c r="O13" s="88">
        <v>0.35416666666666669</v>
      </c>
      <c r="P13" s="21" t="s">
        <v>17</v>
      </c>
      <c r="Q13" s="89">
        <v>0.71875</v>
      </c>
      <c r="R13" s="12" t="s">
        <v>156</v>
      </c>
      <c r="S13" s="12" t="s">
        <v>129</v>
      </c>
      <c r="T13" s="10" t="s">
        <v>173</v>
      </c>
      <c r="U13" s="12" t="s">
        <v>120</v>
      </c>
      <c r="V13" s="11" t="s">
        <v>18</v>
      </c>
      <c r="W13" s="11" t="s">
        <v>18</v>
      </c>
      <c r="X13" s="11" t="s">
        <v>18</v>
      </c>
      <c r="Y13" s="12" t="s">
        <v>156</v>
      </c>
    </row>
    <row r="14" spans="1:25" s="30" customFormat="1" ht="213.6" customHeight="1" x14ac:dyDescent="0.2">
      <c r="A14" s="8">
        <v>46</v>
      </c>
      <c r="B14" s="8" t="s">
        <v>32</v>
      </c>
      <c r="C14" s="9" t="s">
        <v>110</v>
      </c>
      <c r="D14" s="10" t="s">
        <v>131</v>
      </c>
      <c r="E14" s="11" t="s">
        <v>21</v>
      </c>
      <c r="F14" s="11" t="s">
        <v>22</v>
      </c>
      <c r="G14" s="13">
        <v>2</v>
      </c>
      <c r="H14" s="14">
        <v>45182</v>
      </c>
      <c r="I14" s="15" t="s">
        <v>174</v>
      </c>
      <c r="J14" s="16" t="s">
        <v>17</v>
      </c>
      <c r="K14" s="17">
        <v>45184</v>
      </c>
      <c r="L14" s="15" t="s">
        <v>159</v>
      </c>
      <c r="M14" s="19">
        <v>3</v>
      </c>
      <c r="N14" s="12" t="s">
        <v>156</v>
      </c>
      <c r="O14" s="88">
        <v>0.35416666666666669</v>
      </c>
      <c r="P14" s="21" t="s">
        <v>17</v>
      </c>
      <c r="Q14" s="89">
        <v>0.71875</v>
      </c>
      <c r="R14" s="12" t="s">
        <v>156</v>
      </c>
      <c r="S14" s="12" t="s">
        <v>175</v>
      </c>
      <c r="T14" s="10" t="s">
        <v>176</v>
      </c>
      <c r="U14" s="12" t="s">
        <v>120</v>
      </c>
      <c r="V14" s="11" t="s">
        <v>18</v>
      </c>
      <c r="W14" s="11" t="s">
        <v>18</v>
      </c>
      <c r="X14" s="11" t="s">
        <v>18</v>
      </c>
      <c r="Y14" s="40" t="s">
        <v>130</v>
      </c>
    </row>
    <row r="15" spans="1:25" s="30" customFormat="1" ht="213.6" customHeight="1" x14ac:dyDescent="0.2">
      <c r="A15" s="8">
        <v>48</v>
      </c>
      <c r="B15" s="8" t="s">
        <v>32</v>
      </c>
      <c r="C15" s="9" t="s">
        <v>33</v>
      </c>
      <c r="D15" s="10" t="s">
        <v>58</v>
      </c>
      <c r="E15" s="11" t="s">
        <v>21</v>
      </c>
      <c r="F15" s="12" t="s">
        <v>35</v>
      </c>
      <c r="G15" s="19">
        <v>4</v>
      </c>
      <c r="H15" s="14">
        <v>45181</v>
      </c>
      <c r="I15" s="41" t="str">
        <f t="shared" ref="I15:I25" si="0">TEXT($H15,"(aaa)")</f>
        <v>(火)</v>
      </c>
      <c r="J15" s="16" t="s">
        <v>23</v>
      </c>
      <c r="K15" s="17">
        <v>45184</v>
      </c>
      <c r="L15" s="41" t="str">
        <f t="shared" ref="L15:L25" si="1">TEXT($K15,"(aaa)")</f>
        <v>(金)</v>
      </c>
      <c r="M15" s="19">
        <v>4</v>
      </c>
      <c r="N15" s="22" t="s">
        <v>150</v>
      </c>
      <c r="O15" s="88">
        <v>0.35416666666666669</v>
      </c>
      <c r="P15" s="21" t="s">
        <v>17</v>
      </c>
      <c r="Q15" s="89">
        <v>0.71875</v>
      </c>
      <c r="R15" s="89" t="s">
        <v>150</v>
      </c>
      <c r="S15" s="42" t="s">
        <v>31</v>
      </c>
      <c r="T15" s="10" t="s">
        <v>36</v>
      </c>
      <c r="U15" s="12" t="s">
        <v>37</v>
      </c>
      <c r="V15" s="11" t="s">
        <v>18</v>
      </c>
      <c r="W15" s="11" t="s">
        <v>18</v>
      </c>
      <c r="X15" s="11" t="s">
        <v>18</v>
      </c>
      <c r="Y15" s="40" t="s">
        <v>179</v>
      </c>
    </row>
    <row r="16" spans="1:25" s="30" customFormat="1" ht="213.6" customHeight="1" x14ac:dyDescent="0.2">
      <c r="A16" s="8">
        <v>49</v>
      </c>
      <c r="B16" s="8" t="s">
        <v>32</v>
      </c>
      <c r="C16" s="9" t="s">
        <v>33</v>
      </c>
      <c r="D16" s="10" t="s">
        <v>73</v>
      </c>
      <c r="E16" s="11" t="s">
        <v>21</v>
      </c>
      <c r="F16" s="12" t="s">
        <v>180</v>
      </c>
      <c r="G16" s="19">
        <v>3</v>
      </c>
      <c r="H16" s="14">
        <v>45181</v>
      </c>
      <c r="I16" s="41" t="str">
        <f t="shared" si="0"/>
        <v>(火)</v>
      </c>
      <c r="J16" s="16" t="s">
        <v>23</v>
      </c>
      <c r="K16" s="17">
        <v>45184</v>
      </c>
      <c r="L16" s="41" t="str">
        <f t="shared" si="1"/>
        <v>(金)</v>
      </c>
      <c r="M16" s="19">
        <v>4</v>
      </c>
      <c r="N16" s="22" t="s">
        <v>150</v>
      </c>
      <c r="O16" s="88">
        <v>0.35416666666666669</v>
      </c>
      <c r="P16" s="21" t="s">
        <v>17</v>
      </c>
      <c r="Q16" s="89">
        <v>0.71875</v>
      </c>
      <c r="R16" s="89" t="s">
        <v>150</v>
      </c>
      <c r="S16" s="42" t="s">
        <v>31</v>
      </c>
      <c r="T16" s="10" t="s">
        <v>38</v>
      </c>
      <c r="U16" s="12" t="s">
        <v>181</v>
      </c>
      <c r="V16" s="11" t="s">
        <v>18</v>
      </c>
      <c r="W16" s="11" t="s">
        <v>18</v>
      </c>
      <c r="X16" s="11" t="s">
        <v>18</v>
      </c>
      <c r="Y16" s="40" t="s">
        <v>182</v>
      </c>
    </row>
    <row r="17" spans="1:25" s="30" customFormat="1" ht="213.6" customHeight="1" x14ac:dyDescent="0.2">
      <c r="A17" s="8">
        <v>50</v>
      </c>
      <c r="B17" s="8" t="s">
        <v>32</v>
      </c>
      <c r="C17" s="9" t="s">
        <v>33</v>
      </c>
      <c r="D17" s="10" t="s">
        <v>59</v>
      </c>
      <c r="E17" s="11" t="s">
        <v>21</v>
      </c>
      <c r="F17" s="12" t="s">
        <v>183</v>
      </c>
      <c r="G17" s="91">
        <v>3</v>
      </c>
      <c r="H17" s="14">
        <v>45181</v>
      </c>
      <c r="I17" s="15" t="str">
        <f t="shared" si="0"/>
        <v>(火)</v>
      </c>
      <c r="J17" s="16" t="s">
        <v>23</v>
      </c>
      <c r="K17" s="17">
        <v>45184</v>
      </c>
      <c r="L17" s="15" t="str">
        <f t="shared" si="1"/>
        <v>(金)</v>
      </c>
      <c r="M17" s="19">
        <v>4</v>
      </c>
      <c r="N17" s="22" t="s">
        <v>150</v>
      </c>
      <c r="O17" s="88">
        <v>0.35416666666666669</v>
      </c>
      <c r="P17" s="21" t="s">
        <v>17</v>
      </c>
      <c r="Q17" s="89">
        <v>0.71875</v>
      </c>
      <c r="R17" s="89" t="s">
        <v>150</v>
      </c>
      <c r="S17" s="42" t="s">
        <v>31</v>
      </c>
      <c r="T17" s="10" t="s">
        <v>184</v>
      </c>
      <c r="U17" s="12" t="s">
        <v>284</v>
      </c>
      <c r="V17" s="11" t="s">
        <v>18</v>
      </c>
      <c r="W17" s="11" t="s">
        <v>18</v>
      </c>
      <c r="X17" s="11" t="s">
        <v>18</v>
      </c>
      <c r="Y17" s="40" t="s">
        <v>185</v>
      </c>
    </row>
    <row r="18" spans="1:25" s="30" customFormat="1" ht="257.39999999999998" customHeight="1" x14ac:dyDescent="0.2">
      <c r="A18" s="8">
        <v>51</v>
      </c>
      <c r="B18" s="8" t="s">
        <v>32</v>
      </c>
      <c r="C18" s="9" t="s">
        <v>33</v>
      </c>
      <c r="D18" s="10" t="s">
        <v>60</v>
      </c>
      <c r="E18" s="11" t="s">
        <v>21</v>
      </c>
      <c r="F18" s="12" t="s">
        <v>39</v>
      </c>
      <c r="G18" s="19">
        <v>3</v>
      </c>
      <c r="H18" s="14">
        <v>45181</v>
      </c>
      <c r="I18" s="41" t="str">
        <f t="shared" si="0"/>
        <v>(火)</v>
      </c>
      <c r="J18" s="16" t="s">
        <v>23</v>
      </c>
      <c r="K18" s="17">
        <v>45184</v>
      </c>
      <c r="L18" s="41" t="str">
        <f t="shared" si="1"/>
        <v>(金)</v>
      </c>
      <c r="M18" s="19">
        <v>4</v>
      </c>
      <c r="N18" s="22" t="s">
        <v>150</v>
      </c>
      <c r="O18" s="88">
        <v>0.35416666666666669</v>
      </c>
      <c r="P18" s="21" t="s">
        <v>17</v>
      </c>
      <c r="Q18" s="89">
        <v>0.71875</v>
      </c>
      <c r="R18" s="89" t="s">
        <v>150</v>
      </c>
      <c r="S18" s="42" t="s">
        <v>31</v>
      </c>
      <c r="T18" s="10" t="s">
        <v>40</v>
      </c>
      <c r="U18" s="12" t="s">
        <v>181</v>
      </c>
      <c r="V18" s="11" t="s">
        <v>18</v>
      </c>
      <c r="W18" s="11" t="s">
        <v>18</v>
      </c>
      <c r="X18" s="11" t="s">
        <v>18</v>
      </c>
      <c r="Y18" s="40" t="s">
        <v>186</v>
      </c>
    </row>
    <row r="19" spans="1:25" s="30" customFormat="1" ht="213.6" customHeight="1" x14ac:dyDescent="0.2">
      <c r="A19" s="8">
        <v>52</v>
      </c>
      <c r="B19" s="8" t="s">
        <v>32</v>
      </c>
      <c r="C19" s="9" t="s">
        <v>71</v>
      </c>
      <c r="D19" s="10" t="s">
        <v>132</v>
      </c>
      <c r="E19" s="11" t="s">
        <v>21</v>
      </c>
      <c r="F19" s="12" t="s">
        <v>74</v>
      </c>
      <c r="G19" s="13">
        <v>3</v>
      </c>
      <c r="H19" s="14">
        <v>45181</v>
      </c>
      <c r="I19" s="41" t="str">
        <f t="shared" si="0"/>
        <v>(火)</v>
      </c>
      <c r="J19" s="16" t="s">
        <v>23</v>
      </c>
      <c r="K19" s="17">
        <v>45184</v>
      </c>
      <c r="L19" s="41" t="str">
        <f t="shared" si="1"/>
        <v>(金)</v>
      </c>
      <c r="M19" s="19">
        <v>4</v>
      </c>
      <c r="N19" s="12" t="s">
        <v>156</v>
      </c>
      <c r="O19" s="88">
        <v>0.35416666666666669</v>
      </c>
      <c r="P19" s="21" t="s">
        <v>17</v>
      </c>
      <c r="Q19" s="89">
        <v>0.71875</v>
      </c>
      <c r="R19" s="12" t="s">
        <v>156</v>
      </c>
      <c r="S19" s="12" t="s">
        <v>152</v>
      </c>
      <c r="T19" s="10" t="s">
        <v>187</v>
      </c>
      <c r="U19" s="12" t="s">
        <v>75</v>
      </c>
      <c r="V19" s="11" t="s">
        <v>18</v>
      </c>
      <c r="W19" s="11" t="s">
        <v>18</v>
      </c>
      <c r="X19" s="11" t="s">
        <v>18</v>
      </c>
      <c r="Y19" s="40" t="s">
        <v>188</v>
      </c>
    </row>
    <row r="20" spans="1:25" s="30" customFormat="1" ht="213.6" customHeight="1" x14ac:dyDescent="0.2">
      <c r="A20" s="8">
        <v>54</v>
      </c>
      <c r="B20" s="8" t="s">
        <v>32</v>
      </c>
      <c r="C20" s="9" t="s">
        <v>71</v>
      </c>
      <c r="D20" s="10" t="s">
        <v>133</v>
      </c>
      <c r="E20" s="11" t="s">
        <v>21</v>
      </c>
      <c r="F20" s="12" t="s">
        <v>41</v>
      </c>
      <c r="G20" s="13">
        <v>4</v>
      </c>
      <c r="H20" s="14">
        <v>45181</v>
      </c>
      <c r="I20" s="41" t="str">
        <f t="shared" si="0"/>
        <v>(火)</v>
      </c>
      <c r="J20" s="16" t="s">
        <v>23</v>
      </c>
      <c r="K20" s="17">
        <v>45184</v>
      </c>
      <c r="L20" s="41" t="str">
        <f t="shared" si="1"/>
        <v>(金)</v>
      </c>
      <c r="M20" s="19">
        <v>4</v>
      </c>
      <c r="N20" s="12" t="s">
        <v>156</v>
      </c>
      <c r="O20" s="88">
        <v>0.35416666666666669</v>
      </c>
      <c r="P20" s="21" t="s">
        <v>17</v>
      </c>
      <c r="Q20" s="89">
        <v>0.71875</v>
      </c>
      <c r="R20" s="12" t="s">
        <v>156</v>
      </c>
      <c r="S20" s="12" t="s">
        <v>152</v>
      </c>
      <c r="T20" s="10" t="s">
        <v>135</v>
      </c>
      <c r="U20" s="12" t="s">
        <v>189</v>
      </c>
      <c r="V20" s="11" t="s">
        <v>18</v>
      </c>
      <c r="W20" s="11" t="s">
        <v>18</v>
      </c>
      <c r="X20" s="11" t="s">
        <v>18</v>
      </c>
      <c r="Y20" s="40" t="s">
        <v>190</v>
      </c>
    </row>
    <row r="21" spans="1:25" s="30" customFormat="1" ht="213.6" customHeight="1" x14ac:dyDescent="0.2">
      <c r="A21" s="8">
        <v>55</v>
      </c>
      <c r="B21" s="8" t="s">
        <v>32</v>
      </c>
      <c r="C21" s="9" t="s">
        <v>71</v>
      </c>
      <c r="D21" s="10" t="s">
        <v>134</v>
      </c>
      <c r="E21" s="11" t="s">
        <v>21</v>
      </c>
      <c r="F21" s="11" t="s">
        <v>76</v>
      </c>
      <c r="G21" s="13">
        <v>4</v>
      </c>
      <c r="H21" s="14">
        <v>45181</v>
      </c>
      <c r="I21" s="15" t="str">
        <f t="shared" si="0"/>
        <v>(火)</v>
      </c>
      <c r="J21" s="16" t="s">
        <v>23</v>
      </c>
      <c r="K21" s="17">
        <v>45184</v>
      </c>
      <c r="L21" s="15" t="str">
        <f t="shared" si="1"/>
        <v>(金)</v>
      </c>
      <c r="M21" s="19">
        <v>4</v>
      </c>
      <c r="N21" s="12" t="s">
        <v>156</v>
      </c>
      <c r="O21" s="88">
        <v>0.35416666666666669</v>
      </c>
      <c r="P21" s="21" t="s">
        <v>17</v>
      </c>
      <c r="Q21" s="89">
        <v>0.71875</v>
      </c>
      <c r="R21" s="12" t="s">
        <v>156</v>
      </c>
      <c r="S21" s="12" t="s">
        <v>152</v>
      </c>
      <c r="T21" s="10" t="s">
        <v>191</v>
      </c>
      <c r="U21" s="12" t="s">
        <v>77</v>
      </c>
      <c r="V21" s="11" t="s">
        <v>18</v>
      </c>
      <c r="W21" s="11" t="s">
        <v>18</v>
      </c>
      <c r="X21" s="11" t="s">
        <v>18</v>
      </c>
      <c r="Y21" s="40" t="s">
        <v>192</v>
      </c>
    </row>
    <row r="22" spans="1:25" s="30" customFormat="1" ht="213.6" customHeight="1" x14ac:dyDescent="0.2">
      <c r="A22" s="8">
        <v>56</v>
      </c>
      <c r="B22" s="8" t="s">
        <v>32</v>
      </c>
      <c r="C22" s="9" t="s">
        <v>71</v>
      </c>
      <c r="D22" s="10" t="s">
        <v>78</v>
      </c>
      <c r="E22" s="11" t="s">
        <v>21</v>
      </c>
      <c r="F22" s="12" t="s">
        <v>74</v>
      </c>
      <c r="G22" s="19">
        <v>2</v>
      </c>
      <c r="H22" s="14">
        <v>45181</v>
      </c>
      <c r="I22" s="41" t="str">
        <f t="shared" si="0"/>
        <v>(火)</v>
      </c>
      <c r="J22" s="16" t="s">
        <v>23</v>
      </c>
      <c r="K22" s="17">
        <v>45184</v>
      </c>
      <c r="L22" s="41" t="str">
        <f t="shared" si="1"/>
        <v>(金)</v>
      </c>
      <c r="M22" s="19">
        <v>4</v>
      </c>
      <c r="N22" s="22" t="s">
        <v>150</v>
      </c>
      <c r="O22" s="88">
        <v>0.35416666666666669</v>
      </c>
      <c r="P22" s="21" t="s">
        <v>17</v>
      </c>
      <c r="Q22" s="89">
        <v>0.71875</v>
      </c>
      <c r="R22" s="89" t="s">
        <v>150</v>
      </c>
      <c r="S22" s="42" t="s">
        <v>79</v>
      </c>
      <c r="T22" s="10" t="s">
        <v>136</v>
      </c>
      <c r="U22" s="12" t="s">
        <v>72</v>
      </c>
      <c r="V22" s="11"/>
      <c r="W22" s="11"/>
      <c r="X22" s="11"/>
      <c r="Y22" s="40" t="s">
        <v>178</v>
      </c>
    </row>
    <row r="23" spans="1:25" s="30" customFormat="1" ht="213.6" customHeight="1" x14ac:dyDescent="0.2">
      <c r="A23" s="8">
        <v>57</v>
      </c>
      <c r="B23" s="8" t="s">
        <v>32</v>
      </c>
      <c r="C23" s="9" t="s">
        <v>71</v>
      </c>
      <c r="D23" s="10" t="s">
        <v>80</v>
      </c>
      <c r="E23" s="11" t="s">
        <v>21</v>
      </c>
      <c r="F23" s="12" t="s">
        <v>74</v>
      </c>
      <c r="G23" s="19">
        <v>3</v>
      </c>
      <c r="H23" s="14">
        <v>45181</v>
      </c>
      <c r="I23" s="41" t="str">
        <f t="shared" si="0"/>
        <v>(火)</v>
      </c>
      <c r="J23" s="16" t="s">
        <v>23</v>
      </c>
      <c r="K23" s="17">
        <v>45184</v>
      </c>
      <c r="L23" s="41" t="str">
        <f t="shared" si="1"/>
        <v>(金)</v>
      </c>
      <c r="M23" s="19">
        <v>4</v>
      </c>
      <c r="N23" s="22" t="s">
        <v>150</v>
      </c>
      <c r="O23" s="88">
        <v>0.35416666666666669</v>
      </c>
      <c r="P23" s="21" t="s">
        <v>17</v>
      </c>
      <c r="Q23" s="89">
        <v>0.71875</v>
      </c>
      <c r="R23" s="89" t="s">
        <v>150</v>
      </c>
      <c r="S23" s="42" t="s">
        <v>79</v>
      </c>
      <c r="T23" s="10" t="s">
        <v>137</v>
      </c>
      <c r="U23" s="12" t="s">
        <v>72</v>
      </c>
      <c r="V23" s="11"/>
      <c r="W23" s="11"/>
      <c r="X23" s="11"/>
      <c r="Y23" s="40" t="s">
        <v>178</v>
      </c>
    </row>
    <row r="24" spans="1:25" s="30" customFormat="1" ht="213.6" customHeight="1" x14ac:dyDescent="0.2">
      <c r="A24" s="8">
        <v>58</v>
      </c>
      <c r="B24" s="8" t="s">
        <v>32</v>
      </c>
      <c r="C24" s="9" t="s">
        <v>71</v>
      </c>
      <c r="D24" s="10" t="s">
        <v>82</v>
      </c>
      <c r="E24" s="11" t="s">
        <v>21</v>
      </c>
      <c r="F24" s="12" t="s">
        <v>74</v>
      </c>
      <c r="G24" s="19">
        <v>2</v>
      </c>
      <c r="H24" s="14">
        <v>45181</v>
      </c>
      <c r="I24" s="41" t="str">
        <f t="shared" si="0"/>
        <v>(火)</v>
      </c>
      <c r="J24" s="16" t="s">
        <v>23</v>
      </c>
      <c r="K24" s="17">
        <v>45184</v>
      </c>
      <c r="L24" s="41" t="str">
        <f t="shared" si="1"/>
        <v>(金)</v>
      </c>
      <c r="M24" s="19">
        <v>4</v>
      </c>
      <c r="N24" s="22" t="s">
        <v>150</v>
      </c>
      <c r="O24" s="88">
        <v>0.35416666666666669</v>
      </c>
      <c r="P24" s="21" t="s">
        <v>17</v>
      </c>
      <c r="Q24" s="89">
        <v>0.71875</v>
      </c>
      <c r="R24" s="89" t="s">
        <v>150</v>
      </c>
      <c r="S24" s="42" t="s">
        <v>83</v>
      </c>
      <c r="T24" s="10" t="s">
        <v>193</v>
      </c>
      <c r="U24" s="12" t="s">
        <v>72</v>
      </c>
      <c r="V24" s="11"/>
      <c r="W24" s="11"/>
      <c r="X24" s="11"/>
      <c r="Y24" s="40" t="s">
        <v>178</v>
      </c>
    </row>
    <row r="25" spans="1:25" s="30" customFormat="1" ht="213.6" customHeight="1" x14ac:dyDescent="0.2">
      <c r="A25" s="8">
        <v>59</v>
      </c>
      <c r="B25" s="8" t="s">
        <v>32</v>
      </c>
      <c r="C25" s="9" t="s">
        <v>71</v>
      </c>
      <c r="D25" s="10" t="s">
        <v>61</v>
      </c>
      <c r="E25" s="11" t="s">
        <v>21</v>
      </c>
      <c r="F25" s="12" t="s">
        <v>41</v>
      </c>
      <c r="G25" s="19">
        <v>6</v>
      </c>
      <c r="H25" s="14">
        <v>45181</v>
      </c>
      <c r="I25" s="41" t="str">
        <f t="shared" si="0"/>
        <v>(火)</v>
      </c>
      <c r="J25" s="16" t="s">
        <v>23</v>
      </c>
      <c r="K25" s="17">
        <v>45184</v>
      </c>
      <c r="L25" s="41" t="str">
        <f t="shared" si="1"/>
        <v>(金)</v>
      </c>
      <c r="M25" s="19">
        <v>4</v>
      </c>
      <c r="N25" s="22" t="s">
        <v>150</v>
      </c>
      <c r="O25" s="88">
        <v>0.35416666666666669</v>
      </c>
      <c r="P25" s="21" t="s">
        <v>17</v>
      </c>
      <c r="Q25" s="89">
        <v>0.71875</v>
      </c>
      <c r="R25" s="89" t="s">
        <v>150</v>
      </c>
      <c r="S25" s="42" t="s">
        <v>81</v>
      </c>
      <c r="T25" s="10" t="s">
        <v>42</v>
      </c>
      <c r="U25" s="12" t="s">
        <v>43</v>
      </c>
      <c r="V25" s="11" t="s">
        <v>18</v>
      </c>
      <c r="W25" s="11" t="s">
        <v>18</v>
      </c>
      <c r="X25" s="11" t="s">
        <v>18</v>
      </c>
      <c r="Y25" s="40" t="s">
        <v>194</v>
      </c>
    </row>
    <row r="26" spans="1:25" s="30" customFormat="1" ht="213.6" customHeight="1" x14ac:dyDescent="0.2">
      <c r="A26" s="8">
        <v>61</v>
      </c>
      <c r="B26" s="8" t="s">
        <v>29</v>
      </c>
      <c r="C26" s="9" t="s">
        <v>67</v>
      </c>
      <c r="D26" s="10" t="s">
        <v>195</v>
      </c>
      <c r="E26" s="11" t="s">
        <v>21</v>
      </c>
      <c r="F26" s="11" t="s">
        <v>84</v>
      </c>
      <c r="G26" s="13">
        <v>1</v>
      </c>
      <c r="H26" s="14">
        <v>45183</v>
      </c>
      <c r="I26" s="15" t="str">
        <f t="shared" ref="I26" si="2">TEXT($H26,"(aaa)")</f>
        <v>(木)</v>
      </c>
      <c r="J26" s="16" t="s">
        <v>23</v>
      </c>
      <c r="K26" s="17">
        <v>45184</v>
      </c>
      <c r="L26" s="15" t="str">
        <f t="shared" ref="L26" si="3">TEXT($K26,"(aaa)")</f>
        <v>(金)</v>
      </c>
      <c r="M26" s="19">
        <v>2</v>
      </c>
      <c r="N26" s="12" t="s">
        <v>150</v>
      </c>
      <c r="O26" s="88">
        <v>0.375</v>
      </c>
      <c r="P26" s="21" t="s">
        <v>23</v>
      </c>
      <c r="Q26" s="89">
        <v>0.70833333333333337</v>
      </c>
      <c r="R26" s="12" t="s">
        <v>150</v>
      </c>
      <c r="S26" s="12" t="s">
        <v>196</v>
      </c>
      <c r="T26" s="10" t="s">
        <v>197</v>
      </c>
      <c r="U26" s="12" t="s">
        <v>198</v>
      </c>
      <c r="V26" s="11"/>
      <c r="W26" s="11"/>
      <c r="X26" s="11"/>
      <c r="Y26" s="40" t="s">
        <v>199</v>
      </c>
    </row>
    <row r="27" spans="1:25" s="30" customFormat="1" ht="213.6" customHeight="1" x14ac:dyDescent="0.2">
      <c r="A27" s="8">
        <v>65</v>
      </c>
      <c r="B27" s="8" t="s">
        <v>29</v>
      </c>
      <c r="C27" s="9" t="s">
        <v>67</v>
      </c>
      <c r="D27" s="10" t="s">
        <v>201</v>
      </c>
      <c r="E27" s="11" t="s">
        <v>21</v>
      </c>
      <c r="F27" s="12" t="s">
        <v>84</v>
      </c>
      <c r="G27" s="13">
        <v>1</v>
      </c>
      <c r="H27" s="14">
        <v>45183</v>
      </c>
      <c r="I27" s="41" t="str">
        <f>TEXT($H27,"(aaa)")</f>
        <v>(木)</v>
      </c>
      <c r="J27" s="16" t="s">
        <v>23</v>
      </c>
      <c r="K27" s="17">
        <v>45184</v>
      </c>
      <c r="L27" s="41" t="str">
        <f t="shared" ref="L27:L29" si="4">TEXT($K27,"(aaa)")</f>
        <v>(金)</v>
      </c>
      <c r="M27" s="19">
        <v>2</v>
      </c>
      <c r="N27" s="12" t="s">
        <v>150</v>
      </c>
      <c r="O27" s="88">
        <v>0.41666666666666669</v>
      </c>
      <c r="P27" s="21" t="s">
        <v>23</v>
      </c>
      <c r="Q27" s="89">
        <v>0.78125</v>
      </c>
      <c r="R27" s="12" t="s">
        <v>150</v>
      </c>
      <c r="S27" s="42" t="s">
        <v>85</v>
      </c>
      <c r="T27" s="10" t="s">
        <v>202</v>
      </c>
      <c r="U27" s="12" t="s">
        <v>203</v>
      </c>
      <c r="V27" s="11" t="s">
        <v>18</v>
      </c>
      <c r="W27" s="11"/>
      <c r="X27" s="11"/>
      <c r="Y27" s="40" t="s">
        <v>204</v>
      </c>
    </row>
    <row r="28" spans="1:25" s="30" customFormat="1" ht="213.6" customHeight="1" x14ac:dyDescent="0.2">
      <c r="A28" s="8">
        <v>66</v>
      </c>
      <c r="B28" s="8" t="s">
        <v>29</v>
      </c>
      <c r="C28" s="9" t="s">
        <v>67</v>
      </c>
      <c r="D28" s="10" t="s">
        <v>205</v>
      </c>
      <c r="E28" s="11" t="s">
        <v>21</v>
      </c>
      <c r="F28" s="11" t="s">
        <v>206</v>
      </c>
      <c r="G28" s="13">
        <v>1</v>
      </c>
      <c r="H28" s="14">
        <v>45183</v>
      </c>
      <c r="I28" s="41" t="str">
        <f>TEXT($H28,"(aaa)")</f>
        <v>(木)</v>
      </c>
      <c r="J28" s="16" t="s">
        <v>23</v>
      </c>
      <c r="K28" s="17">
        <v>45184</v>
      </c>
      <c r="L28" s="41" t="str">
        <f t="shared" si="4"/>
        <v>(金)</v>
      </c>
      <c r="M28" s="19">
        <v>2</v>
      </c>
      <c r="N28" s="12" t="s">
        <v>150</v>
      </c>
      <c r="O28" s="88">
        <v>0.41666666666666669</v>
      </c>
      <c r="P28" s="21" t="s">
        <v>23</v>
      </c>
      <c r="Q28" s="89">
        <v>0.78125</v>
      </c>
      <c r="R28" s="12" t="s">
        <v>156</v>
      </c>
      <c r="S28" s="42" t="s">
        <v>85</v>
      </c>
      <c r="T28" s="10" t="s">
        <v>202</v>
      </c>
      <c r="U28" s="12" t="s">
        <v>72</v>
      </c>
      <c r="V28" s="11" t="s">
        <v>18</v>
      </c>
      <c r="W28" s="11"/>
      <c r="X28" s="11"/>
      <c r="Y28" s="40" t="s">
        <v>204</v>
      </c>
    </row>
    <row r="29" spans="1:25" s="30" customFormat="1" ht="213.6" customHeight="1" x14ac:dyDescent="0.2">
      <c r="A29" s="8">
        <v>67</v>
      </c>
      <c r="B29" s="8" t="s">
        <v>29</v>
      </c>
      <c r="C29" s="9" t="s">
        <v>67</v>
      </c>
      <c r="D29" s="10" t="s">
        <v>207</v>
      </c>
      <c r="E29" s="11" t="s">
        <v>21</v>
      </c>
      <c r="F29" s="12" t="s">
        <v>206</v>
      </c>
      <c r="G29" s="13">
        <v>2</v>
      </c>
      <c r="H29" s="14">
        <v>45183</v>
      </c>
      <c r="I29" s="41" t="str">
        <f>TEXT($H29,"(aaa)")</f>
        <v>(木)</v>
      </c>
      <c r="J29" s="16" t="s">
        <v>23</v>
      </c>
      <c r="K29" s="17">
        <v>45184</v>
      </c>
      <c r="L29" s="41" t="str">
        <f t="shared" si="4"/>
        <v>(金)</v>
      </c>
      <c r="M29" s="19">
        <v>2</v>
      </c>
      <c r="N29" s="12" t="s">
        <v>150</v>
      </c>
      <c r="O29" s="88">
        <v>0.375</v>
      </c>
      <c r="P29" s="21" t="s">
        <v>23</v>
      </c>
      <c r="Q29" s="89">
        <v>0.70833333333333337</v>
      </c>
      <c r="R29" s="12" t="s">
        <v>150</v>
      </c>
      <c r="S29" s="12" t="s">
        <v>208</v>
      </c>
      <c r="T29" s="10" t="s">
        <v>209</v>
      </c>
      <c r="U29" s="12" t="s">
        <v>210</v>
      </c>
      <c r="V29" s="11"/>
      <c r="W29" s="11"/>
      <c r="X29" s="11"/>
      <c r="Y29" s="12" t="s">
        <v>150</v>
      </c>
    </row>
    <row r="30" spans="1:25" s="30" customFormat="1" ht="213.6" customHeight="1" x14ac:dyDescent="0.2">
      <c r="A30" s="8">
        <v>79</v>
      </c>
      <c r="B30" s="43" t="s">
        <v>20</v>
      </c>
      <c r="C30" s="44" t="s">
        <v>68</v>
      </c>
      <c r="D30" s="45" t="s">
        <v>87</v>
      </c>
      <c r="E30" s="46" t="s">
        <v>21</v>
      </c>
      <c r="F30" s="47" t="s">
        <v>74</v>
      </c>
      <c r="G30" s="48">
        <v>2</v>
      </c>
      <c r="H30" s="49">
        <v>45181</v>
      </c>
      <c r="I30" s="50" t="s">
        <v>157</v>
      </c>
      <c r="J30" s="51" t="s">
        <v>17</v>
      </c>
      <c r="K30" s="52">
        <v>45182</v>
      </c>
      <c r="L30" s="50" t="s">
        <v>174</v>
      </c>
      <c r="M30" s="53">
        <v>2</v>
      </c>
      <c r="N30" s="47" t="s">
        <v>156</v>
      </c>
      <c r="O30" s="54">
        <v>0.375</v>
      </c>
      <c r="P30" s="55" t="s">
        <v>17</v>
      </c>
      <c r="Q30" s="56">
        <v>0.73958333333333337</v>
      </c>
      <c r="R30" s="47" t="s">
        <v>150</v>
      </c>
      <c r="S30" s="47" t="s">
        <v>211</v>
      </c>
      <c r="T30" s="45" t="s">
        <v>88</v>
      </c>
      <c r="U30" s="47" t="s">
        <v>74</v>
      </c>
      <c r="V30" s="46" t="s">
        <v>18</v>
      </c>
      <c r="W30" s="46"/>
      <c r="X30" s="57" t="s">
        <v>18</v>
      </c>
      <c r="Y30" s="58" t="s">
        <v>156</v>
      </c>
    </row>
    <row r="31" spans="1:25" s="30" customFormat="1" ht="213.6" customHeight="1" x14ac:dyDescent="0.2">
      <c r="A31" s="8">
        <v>80</v>
      </c>
      <c r="B31" s="59" t="s">
        <v>20</v>
      </c>
      <c r="C31" s="60" t="s">
        <v>68</v>
      </c>
      <c r="D31" s="61" t="s">
        <v>212</v>
      </c>
      <c r="E31" s="62" t="s">
        <v>21</v>
      </c>
      <c r="F31" s="62" t="s">
        <v>74</v>
      </c>
      <c r="G31" s="63">
        <v>3</v>
      </c>
      <c r="H31" s="64">
        <v>45182</v>
      </c>
      <c r="I31" s="65" t="s">
        <v>145</v>
      </c>
      <c r="J31" s="66" t="s">
        <v>17</v>
      </c>
      <c r="K31" s="67">
        <v>45184</v>
      </c>
      <c r="L31" s="65" t="s">
        <v>147</v>
      </c>
      <c r="M31" s="68">
        <v>3</v>
      </c>
      <c r="N31" s="69" t="s">
        <v>156</v>
      </c>
      <c r="O31" s="70">
        <v>0.375</v>
      </c>
      <c r="P31" s="71" t="s">
        <v>17</v>
      </c>
      <c r="Q31" s="72">
        <v>0.73958333333333337</v>
      </c>
      <c r="R31" s="73" t="s">
        <v>150</v>
      </c>
      <c r="S31" s="69" t="s">
        <v>211</v>
      </c>
      <c r="T31" s="61" t="s">
        <v>213</v>
      </c>
      <c r="U31" s="69" t="s">
        <v>74</v>
      </c>
      <c r="V31" s="62" t="s">
        <v>18</v>
      </c>
      <c r="W31" s="62" t="s">
        <v>18</v>
      </c>
      <c r="X31" s="62" t="s">
        <v>18</v>
      </c>
      <c r="Y31" s="12" t="s">
        <v>156</v>
      </c>
    </row>
    <row r="32" spans="1:25" s="30" customFormat="1" ht="213.6" customHeight="1" x14ac:dyDescent="0.2">
      <c r="A32" s="8">
        <v>81</v>
      </c>
      <c r="B32" s="8" t="s">
        <v>20</v>
      </c>
      <c r="C32" s="9" t="s">
        <v>68</v>
      </c>
      <c r="D32" s="10" t="s">
        <v>89</v>
      </c>
      <c r="E32" s="11" t="s">
        <v>21</v>
      </c>
      <c r="F32" s="12" t="s">
        <v>214</v>
      </c>
      <c r="G32" s="13">
        <v>2</v>
      </c>
      <c r="H32" s="14">
        <v>45181</v>
      </c>
      <c r="I32" s="41" t="str">
        <f t="shared" ref="I32:I33" si="5">TEXT($H32,"(aaa)")</f>
        <v>(火)</v>
      </c>
      <c r="J32" s="16" t="s">
        <v>23</v>
      </c>
      <c r="K32" s="17">
        <v>45184</v>
      </c>
      <c r="L32" s="41" t="str">
        <f t="shared" ref="L32:L33" si="6">TEXT($K32,"(aaa)")</f>
        <v>(金)</v>
      </c>
      <c r="M32" s="19">
        <v>4</v>
      </c>
      <c r="N32" s="12" t="s">
        <v>150</v>
      </c>
      <c r="O32" s="88">
        <v>0.375</v>
      </c>
      <c r="P32" s="21" t="s">
        <v>23</v>
      </c>
      <c r="Q32" s="89">
        <v>0.73958333333333337</v>
      </c>
      <c r="R32" s="12" t="s">
        <v>150</v>
      </c>
      <c r="S32" s="12" t="s">
        <v>215</v>
      </c>
      <c r="T32" s="10" t="s">
        <v>216</v>
      </c>
      <c r="U32" s="12" t="s">
        <v>217</v>
      </c>
      <c r="V32" s="11" t="s">
        <v>18</v>
      </c>
      <c r="W32" s="11" t="s">
        <v>18</v>
      </c>
      <c r="X32" s="11" t="s">
        <v>18</v>
      </c>
      <c r="Y32" s="12" t="s">
        <v>150</v>
      </c>
    </row>
    <row r="33" spans="1:25" s="30" customFormat="1" ht="213.6" customHeight="1" x14ac:dyDescent="0.2">
      <c r="A33" s="8">
        <v>82</v>
      </c>
      <c r="B33" s="8" t="s">
        <v>20</v>
      </c>
      <c r="C33" s="9" t="s">
        <v>68</v>
      </c>
      <c r="D33" s="10" t="s">
        <v>218</v>
      </c>
      <c r="E33" s="11" t="s">
        <v>21</v>
      </c>
      <c r="F33" s="11" t="s">
        <v>90</v>
      </c>
      <c r="G33" s="13">
        <v>1</v>
      </c>
      <c r="H33" s="14">
        <v>45180</v>
      </c>
      <c r="I33" s="41" t="str">
        <f t="shared" si="5"/>
        <v>(月)</v>
      </c>
      <c r="J33" s="16" t="s">
        <v>23</v>
      </c>
      <c r="K33" s="17">
        <v>45181</v>
      </c>
      <c r="L33" s="41" t="str">
        <f t="shared" si="6"/>
        <v>(火)</v>
      </c>
      <c r="M33" s="19">
        <v>2</v>
      </c>
      <c r="N33" s="12" t="s">
        <v>150</v>
      </c>
      <c r="O33" s="88">
        <v>0.41666666666666702</v>
      </c>
      <c r="P33" s="21" t="s">
        <v>23</v>
      </c>
      <c r="Q33" s="89">
        <v>0.78125</v>
      </c>
      <c r="R33" s="12" t="s">
        <v>150</v>
      </c>
      <c r="S33" s="12" t="s">
        <v>200</v>
      </c>
      <c r="T33" s="10" t="s">
        <v>219</v>
      </c>
      <c r="U33" s="12" t="s">
        <v>72</v>
      </c>
      <c r="V33" s="11" t="s">
        <v>18</v>
      </c>
      <c r="W33" s="11" t="s">
        <v>18</v>
      </c>
      <c r="X33" s="11" t="s">
        <v>18</v>
      </c>
      <c r="Y33" s="12" t="s">
        <v>150</v>
      </c>
    </row>
    <row r="34" spans="1:25" s="30" customFormat="1" ht="213.6" customHeight="1" x14ac:dyDescent="0.2">
      <c r="A34" s="8">
        <v>83</v>
      </c>
      <c r="B34" s="8" t="s">
        <v>20</v>
      </c>
      <c r="C34" s="9" t="s">
        <v>68</v>
      </c>
      <c r="D34" s="10" t="s">
        <v>220</v>
      </c>
      <c r="E34" s="11" t="s">
        <v>21</v>
      </c>
      <c r="F34" s="12" t="s">
        <v>74</v>
      </c>
      <c r="G34" s="13">
        <v>2</v>
      </c>
      <c r="H34" s="14">
        <v>45182</v>
      </c>
      <c r="I34" s="15" t="str">
        <f>TEXT($H34,"(aaa)")</f>
        <v>(水)</v>
      </c>
      <c r="J34" s="16" t="s">
        <v>23</v>
      </c>
      <c r="K34" s="17">
        <v>45184</v>
      </c>
      <c r="L34" s="18" t="str">
        <f>TEXT($K34,"(aaa)")</f>
        <v>(金)</v>
      </c>
      <c r="M34" s="19">
        <v>3</v>
      </c>
      <c r="N34" s="12" t="s">
        <v>150</v>
      </c>
      <c r="O34" s="88">
        <v>0.375</v>
      </c>
      <c r="P34" s="21" t="s">
        <v>23</v>
      </c>
      <c r="Q34" s="89">
        <v>0.73958333333333337</v>
      </c>
      <c r="R34" s="12" t="s">
        <v>150</v>
      </c>
      <c r="S34" s="12" t="s">
        <v>221</v>
      </c>
      <c r="T34" s="10" t="s">
        <v>222</v>
      </c>
      <c r="U34" s="10" t="s">
        <v>223</v>
      </c>
      <c r="V34" s="11" t="s">
        <v>18</v>
      </c>
      <c r="W34" s="11" t="s">
        <v>18</v>
      </c>
      <c r="X34" s="11" t="s">
        <v>18</v>
      </c>
      <c r="Y34" s="12" t="s">
        <v>150</v>
      </c>
    </row>
    <row r="35" spans="1:25" s="30" customFormat="1" ht="213.6" customHeight="1" x14ac:dyDescent="0.2">
      <c r="A35" s="8">
        <v>84</v>
      </c>
      <c r="B35" s="8" t="s">
        <v>20</v>
      </c>
      <c r="C35" s="9" t="s">
        <v>68</v>
      </c>
      <c r="D35" s="10" t="s">
        <v>224</v>
      </c>
      <c r="E35" s="11" t="s">
        <v>21</v>
      </c>
      <c r="F35" s="12" t="s">
        <v>74</v>
      </c>
      <c r="G35" s="13">
        <v>1</v>
      </c>
      <c r="H35" s="14">
        <v>45180</v>
      </c>
      <c r="I35" s="15" t="str">
        <f>TEXT($H35,"(aaa)")</f>
        <v>(月)</v>
      </c>
      <c r="J35" s="16" t="s">
        <v>23</v>
      </c>
      <c r="K35" s="17">
        <v>45184</v>
      </c>
      <c r="L35" s="18" t="str">
        <f t="shared" ref="L35" si="7">TEXT($K35,"(aaa)")</f>
        <v>(金)</v>
      </c>
      <c r="M35" s="19">
        <v>5</v>
      </c>
      <c r="N35" s="12" t="s">
        <v>150</v>
      </c>
      <c r="O35" s="88">
        <v>0.375</v>
      </c>
      <c r="P35" s="21" t="s">
        <v>17</v>
      </c>
      <c r="Q35" s="89">
        <v>0.73958333333333337</v>
      </c>
      <c r="R35" s="89" t="s">
        <v>150</v>
      </c>
      <c r="S35" s="12" t="s">
        <v>224</v>
      </c>
      <c r="T35" s="10" t="s">
        <v>225</v>
      </c>
      <c r="U35" s="12" t="s">
        <v>72</v>
      </c>
      <c r="V35" s="11" t="s">
        <v>18</v>
      </c>
      <c r="W35" s="11" t="s">
        <v>18</v>
      </c>
      <c r="X35" s="11" t="s">
        <v>226</v>
      </c>
      <c r="Y35" s="12" t="s">
        <v>150</v>
      </c>
    </row>
    <row r="36" spans="1:25" s="30" customFormat="1" ht="213.6" customHeight="1" x14ac:dyDescent="0.2">
      <c r="A36" s="8">
        <v>85</v>
      </c>
      <c r="B36" s="8" t="s">
        <v>20</v>
      </c>
      <c r="C36" s="9" t="s">
        <v>91</v>
      </c>
      <c r="D36" s="10" t="s">
        <v>227</v>
      </c>
      <c r="E36" s="11" t="s">
        <v>21</v>
      </c>
      <c r="F36" s="11" t="s">
        <v>90</v>
      </c>
      <c r="G36" s="13">
        <v>1</v>
      </c>
      <c r="H36" s="14">
        <v>45181</v>
      </c>
      <c r="I36" s="15" t="s">
        <v>157</v>
      </c>
      <c r="J36" s="16" t="s">
        <v>17</v>
      </c>
      <c r="K36" s="17">
        <v>45183</v>
      </c>
      <c r="L36" s="18" t="s">
        <v>228</v>
      </c>
      <c r="M36" s="19">
        <v>3</v>
      </c>
      <c r="N36" s="12" t="s">
        <v>150</v>
      </c>
      <c r="O36" s="88">
        <v>0.375</v>
      </c>
      <c r="P36" s="21" t="s">
        <v>17</v>
      </c>
      <c r="Q36" s="89">
        <v>0.73958333333333337</v>
      </c>
      <c r="R36" s="12" t="s">
        <v>150</v>
      </c>
      <c r="S36" s="12" t="s">
        <v>285</v>
      </c>
      <c r="T36" s="10" t="s">
        <v>229</v>
      </c>
      <c r="U36" s="12" t="s">
        <v>72</v>
      </c>
      <c r="V36" s="11" t="s">
        <v>18</v>
      </c>
      <c r="W36" s="11" t="s">
        <v>18</v>
      </c>
      <c r="X36" s="11" t="s">
        <v>18</v>
      </c>
      <c r="Y36" s="12" t="s">
        <v>156</v>
      </c>
    </row>
    <row r="37" spans="1:25" s="30" customFormat="1" ht="213.6" customHeight="1" x14ac:dyDescent="0.2">
      <c r="A37" s="8">
        <v>86</v>
      </c>
      <c r="B37" s="92" t="s">
        <v>20</v>
      </c>
      <c r="C37" s="80" t="s">
        <v>230</v>
      </c>
      <c r="D37" s="75" t="s">
        <v>231</v>
      </c>
      <c r="E37" s="79" t="s">
        <v>21</v>
      </c>
      <c r="F37" s="79" t="s">
        <v>22</v>
      </c>
      <c r="G37" s="19">
        <v>2</v>
      </c>
      <c r="H37" s="81">
        <v>45183</v>
      </c>
      <c r="I37" s="93" t="s">
        <v>146</v>
      </c>
      <c r="J37" s="83" t="s">
        <v>17</v>
      </c>
      <c r="K37" s="84">
        <v>45184</v>
      </c>
      <c r="L37" s="94" t="s">
        <v>147</v>
      </c>
      <c r="M37" s="95">
        <v>2</v>
      </c>
      <c r="N37" s="96" t="s">
        <v>150</v>
      </c>
      <c r="O37" s="76">
        <v>0.41666666666666669</v>
      </c>
      <c r="P37" s="77" t="s">
        <v>17</v>
      </c>
      <c r="Q37" s="78">
        <v>0.73958333333333337</v>
      </c>
      <c r="R37" s="78" t="s">
        <v>150</v>
      </c>
      <c r="S37" s="97" t="s">
        <v>153</v>
      </c>
      <c r="T37" s="75" t="s">
        <v>232</v>
      </c>
      <c r="U37" s="79" t="s">
        <v>24</v>
      </c>
      <c r="V37" s="79" t="s">
        <v>18</v>
      </c>
      <c r="W37" s="79" t="s">
        <v>18</v>
      </c>
      <c r="X37" s="79" t="s">
        <v>18</v>
      </c>
      <c r="Y37" s="75" t="s">
        <v>52</v>
      </c>
    </row>
    <row r="38" spans="1:25" s="30" customFormat="1" ht="213.6" customHeight="1" x14ac:dyDescent="0.2">
      <c r="A38" s="8">
        <v>87</v>
      </c>
      <c r="B38" s="92" t="s">
        <v>20</v>
      </c>
      <c r="C38" s="80" t="s">
        <v>65</v>
      </c>
      <c r="D38" s="75" t="s">
        <v>98</v>
      </c>
      <c r="E38" s="79" t="s">
        <v>21</v>
      </c>
      <c r="F38" s="79" t="s">
        <v>22</v>
      </c>
      <c r="G38" s="95">
        <v>2</v>
      </c>
      <c r="H38" s="81">
        <v>44815</v>
      </c>
      <c r="I38" s="93" t="s">
        <v>34</v>
      </c>
      <c r="J38" s="83" t="s">
        <v>17</v>
      </c>
      <c r="K38" s="84">
        <v>44817</v>
      </c>
      <c r="L38" s="94" t="s">
        <v>233</v>
      </c>
      <c r="M38" s="95">
        <v>3</v>
      </c>
      <c r="N38" s="96" t="s">
        <v>148</v>
      </c>
      <c r="O38" s="76">
        <v>0.375</v>
      </c>
      <c r="P38" s="77" t="s">
        <v>17</v>
      </c>
      <c r="Q38" s="78">
        <v>0.73958333333333337</v>
      </c>
      <c r="R38" s="78" t="s">
        <v>150</v>
      </c>
      <c r="S38" s="97" t="s">
        <v>153</v>
      </c>
      <c r="T38" s="75" t="s">
        <v>99</v>
      </c>
      <c r="U38" s="79" t="s">
        <v>24</v>
      </c>
      <c r="V38" s="79" t="s">
        <v>18</v>
      </c>
      <c r="W38" s="79" t="s">
        <v>18</v>
      </c>
      <c r="X38" s="79" t="s">
        <v>18</v>
      </c>
      <c r="Y38" s="75" t="s">
        <v>52</v>
      </c>
    </row>
    <row r="39" spans="1:25" s="30" customFormat="1" ht="213.6" customHeight="1" x14ac:dyDescent="0.2">
      <c r="A39" s="8">
        <v>89</v>
      </c>
      <c r="B39" s="92" t="s">
        <v>20</v>
      </c>
      <c r="C39" s="80" t="s">
        <v>230</v>
      </c>
      <c r="D39" s="75" t="s">
        <v>234</v>
      </c>
      <c r="E39" s="79" t="s">
        <v>21</v>
      </c>
      <c r="F39" s="79" t="s">
        <v>22</v>
      </c>
      <c r="G39" s="95">
        <v>1</v>
      </c>
      <c r="H39" s="81">
        <v>45182</v>
      </c>
      <c r="I39" s="93" t="s">
        <v>145</v>
      </c>
      <c r="J39" s="83" t="s">
        <v>17</v>
      </c>
      <c r="K39" s="84">
        <v>45184</v>
      </c>
      <c r="L39" s="94" t="s">
        <v>147</v>
      </c>
      <c r="M39" s="95">
        <v>3</v>
      </c>
      <c r="N39" s="98" t="s">
        <v>156</v>
      </c>
      <c r="O39" s="76">
        <v>0.41666666666666669</v>
      </c>
      <c r="P39" s="77" t="s">
        <v>17</v>
      </c>
      <c r="Q39" s="78">
        <v>0.78125</v>
      </c>
      <c r="R39" s="99" t="s">
        <v>150</v>
      </c>
      <c r="S39" s="97" t="s">
        <v>153</v>
      </c>
      <c r="T39" s="75" t="s">
        <v>235</v>
      </c>
      <c r="U39" s="79" t="s">
        <v>53</v>
      </c>
      <c r="V39" s="79" t="s">
        <v>18</v>
      </c>
      <c r="W39" s="79" t="s">
        <v>18</v>
      </c>
      <c r="X39" s="79" t="s">
        <v>18</v>
      </c>
      <c r="Y39" s="75" t="s">
        <v>54</v>
      </c>
    </row>
    <row r="40" spans="1:25" s="30" customFormat="1" ht="213.6" customHeight="1" x14ac:dyDescent="0.2">
      <c r="A40" s="8">
        <v>90</v>
      </c>
      <c r="B40" s="92" t="s">
        <v>20</v>
      </c>
      <c r="C40" s="80" t="s">
        <v>65</v>
      </c>
      <c r="D40" s="75" t="s">
        <v>92</v>
      </c>
      <c r="E40" s="79" t="s">
        <v>21</v>
      </c>
      <c r="F40" s="79" t="s">
        <v>22</v>
      </c>
      <c r="G40" s="95">
        <v>2</v>
      </c>
      <c r="H40" s="81">
        <v>45182</v>
      </c>
      <c r="I40" s="93" t="s">
        <v>145</v>
      </c>
      <c r="J40" s="83" t="s">
        <v>17</v>
      </c>
      <c r="K40" s="84">
        <v>45184</v>
      </c>
      <c r="L40" s="94" t="s">
        <v>147</v>
      </c>
      <c r="M40" s="95">
        <v>3</v>
      </c>
      <c r="N40" s="98" t="s">
        <v>150</v>
      </c>
      <c r="O40" s="76">
        <v>0.375</v>
      </c>
      <c r="P40" s="77" t="s">
        <v>17</v>
      </c>
      <c r="Q40" s="78">
        <v>0.73958333333333337</v>
      </c>
      <c r="R40" s="78" t="s">
        <v>150</v>
      </c>
      <c r="S40" s="97" t="s">
        <v>45</v>
      </c>
      <c r="T40" s="75" t="s">
        <v>46</v>
      </c>
      <c r="U40" s="79" t="s">
        <v>24</v>
      </c>
      <c r="V40" s="79" t="s">
        <v>18</v>
      </c>
      <c r="W40" s="79" t="s">
        <v>18</v>
      </c>
      <c r="X40" s="79" t="s">
        <v>18</v>
      </c>
      <c r="Y40" s="100" t="s">
        <v>93</v>
      </c>
    </row>
    <row r="41" spans="1:25" s="30" customFormat="1" ht="213.6" customHeight="1" x14ac:dyDescent="0.2">
      <c r="A41" s="8">
        <v>91</v>
      </c>
      <c r="B41" s="92" t="s">
        <v>20</v>
      </c>
      <c r="C41" s="80" t="s">
        <v>65</v>
      </c>
      <c r="D41" s="75" t="s">
        <v>139</v>
      </c>
      <c r="E41" s="79" t="s">
        <v>21</v>
      </c>
      <c r="F41" s="79" t="s">
        <v>22</v>
      </c>
      <c r="G41" s="95">
        <v>1</v>
      </c>
      <c r="H41" s="101">
        <v>44815</v>
      </c>
      <c r="I41" s="93" t="s">
        <v>34</v>
      </c>
      <c r="J41" s="83" t="s">
        <v>17</v>
      </c>
      <c r="K41" s="102">
        <v>44819</v>
      </c>
      <c r="L41" s="94" t="s">
        <v>147</v>
      </c>
      <c r="M41" s="95">
        <v>5</v>
      </c>
      <c r="N41" s="98" t="s">
        <v>150</v>
      </c>
      <c r="O41" s="76">
        <v>0.375</v>
      </c>
      <c r="P41" s="77" t="s">
        <v>17</v>
      </c>
      <c r="Q41" s="78">
        <v>0.73958333333333337</v>
      </c>
      <c r="R41" s="78" t="s">
        <v>150</v>
      </c>
      <c r="S41" s="97" t="s">
        <v>236</v>
      </c>
      <c r="T41" s="75" t="s">
        <v>140</v>
      </c>
      <c r="U41" s="79" t="s">
        <v>53</v>
      </c>
      <c r="V41" s="79"/>
      <c r="W41" s="79"/>
      <c r="X41" s="79"/>
      <c r="Y41" s="100" t="s">
        <v>55</v>
      </c>
    </row>
    <row r="42" spans="1:25" s="30" customFormat="1" ht="213.6" customHeight="1" x14ac:dyDescent="0.2">
      <c r="A42" s="8">
        <v>92</v>
      </c>
      <c r="B42" s="92" t="s">
        <v>20</v>
      </c>
      <c r="C42" s="80" t="s">
        <v>65</v>
      </c>
      <c r="D42" s="75" t="s">
        <v>237</v>
      </c>
      <c r="E42" s="79" t="s">
        <v>21</v>
      </c>
      <c r="F42" s="79" t="s">
        <v>22</v>
      </c>
      <c r="G42" s="95">
        <v>2</v>
      </c>
      <c r="H42" s="81">
        <v>45180</v>
      </c>
      <c r="I42" s="93" t="s">
        <v>238</v>
      </c>
      <c r="J42" s="83" t="s">
        <v>17</v>
      </c>
      <c r="K42" s="84">
        <v>45184</v>
      </c>
      <c r="L42" s="94" t="s">
        <v>147</v>
      </c>
      <c r="M42" s="95">
        <v>5</v>
      </c>
      <c r="N42" s="98" t="s">
        <v>156</v>
      </c>
      <c r="O42" s="76">
        <v>0.375</v>
      </c>
      <c r="P42" s="77" t="s">
        <v>17</v>
      </c>
      <c r="Q42" s="78">
        <v>0.73958333333333337</v>
      </c>
      <c r="R42" s="78" t="s">
        <v>156</v>
      </c>
      <c r="S42" s="97" t="s">
        <v>141</v>
      </c>
      <c r="T42" s="75" t="s">
        <v>239</v>
      </c>
      <c r="U42" s="86" t="s">
        <v>240</v>
      </c>
      <c r="V42" s="79" t="s">
        <v>18</v>
      </c>
      <c r="W42" s="79" t="s">
        <v>18</v>
      </c>
      <c r="X42" s="79" t="s">
        <v>18</v>
      </c>
      <c r="Y42" s="75" t="s">
        <v>57</v>
      </c>
    </row>
    <row r="43" spans="1:25" s="30" customFormat="1" ht="213.6" customHeight="1" x14ac:dyDescent="0.2">
      <c r="A43" s="8">
        <v>93</v>
      </c>
      <c r="B43" s="92" t="s">
        <v>20</v>
      </c>
      <c r="C43" s="80" t="s">
        <v>65</v>
      </c>
      <c r="D43" s="75" t="s">
        <v>49</v>
      </c>
      <c r="E43" s="79" t="s">
        <v>21</v>
      </c>
      <c r="F43" s="79" t="s">
        <v>22</v>
      </c>
      <c r="G43" s="95">
        <v>2</v>
      </c>
      <c r="H43" s="81">
        <v>45182</v>
      </c>
      <c r="I43" s="93" t="s">
        <v>145</v>
      </c>
      <c r="J43" s="83" t="s">
        <v>17</v>
      </c>
      <c r="K43" s="84">
        <v>45184</v>
      </c>
      <c r="L43" s="94" t="s">
        <v>147</v>
      </c>
      <c r="M43" s="95">
        <v>3</v>
      </c>
      <c r="N43" s="98" t="s">
        <v>150</v>
      </c>
      <c r="O43" s="76">
        <v>0.375</v>
      </c>
      <c r="P43" s="77" t="s">
        <v>17</v>
      </c>
      <c r="Q43" s="78">
        <v>0.73958333333333337</v>
      </c>
      <c r="R43" s="78" t="s">
        <v>150</v>
      </c>
      <c r="S43" s="97" t="s">
        <v>50</v>
      </c>
      <c r="T43" s="75" t="s">
        <v>94</v>
      </c>
      <c r="U43" s="79" t="s">
        <v>25</v>
      </c>
      <c r="V43" s="79" t="s">
        <v>18</v>
      </c>
      <c r="W43" s="79" t="s">
        <v>18</v>
      </c>
      <c r="X43" s="79"/>
      <c r="Y43" s="75" t="s">
        <v>26</v>
      </c>
    </row>
    <row r="44" spans="1:25" s="30" customFormat="1" ht="213.6" customHeight="1" x14ac:dyDescent="0.2">
      <c r="A44" s="8">
        <v>94</v>
      </c>
      <c r="B44" s="103" t="s">
        <v>20</v>
      </c>
      <c r="C44" s="104" t="s">
        <v>65</v>
      </c>
      <c r="D44" s="105" t="s">
        <v>100</v>
      </c>
      <c r="E44" s="106" t="s">
        <v>21</v>
      </c>
      <c r="F44" s="107" t="s">
        <v>22</v>
      </c>
      <c r="G44" s="108">
        <v>2</v>
      </c>
      <c r="H44" s="109">
        <v>45180</v>
      </c>
      <c r="I44" s="82" t="s">
        <v>34</v>
      </c>
      <c r="J44" s="110" t="s">
        <v>17</v>
      </c>
      <c r="K44" s="111">
        <v>45184</v>
      </c>
      <c r="L44" s="85" t="s">
        <v>147</v>
      </c>
      <c r="M44" s="112">
        <v>3</v>
      </c>
      <c r="N44" s="113" t="s">
        <v>241</v>
      </c>
      <c r="O44" s="114">
        <v>0.375</v>
      </c>
      <c r="P44" s="115" t="s">
        <v>17</v>
      </c>
      <c r="Q44" s="116">
        <v>0.73958333333333337</v>
      </c>
      <c r="R44" s="117" t="s">
        <v>150</v>
      </c>
      <c r="S44" s="118" t="s">
        <v>56</v>
      </c>
      <c r="T44" s="105" t="s">
        <v>95</v>
      </c>
      <c r="U44" s="107" t="s">
        <v>53</v>
      </c>
      <c r="V44" s="107" t="s">
        <v>18</v>
      </c>
      <c r="W44" s="107" t="s">
        <v>18</v>
      </c>
      <c r="X44" s="107" t="s">
        <v>242</v>
      </c>
      <c r="Y44" s="119" t="s">
        <v>150</v>
      </c>
    </row>
    <row r="45" spans="1:25" s="30" customFormat="1" ht="213.6" customHeight="1" x14ac:dyDescent="0.2">
      <c r="A45" s="8">
        <v>95</v>
      </c>
      <c r="B45" s="92" t="s">
        <v>20</v>
      </c>
      <c r="C45" s="80" t="s">
        <v>65</v>
      </c>
      <c r="D45" s="75" t="s">
        <v>243</v>
      </c>
      <c r="E45" s="79" t="s">
        <v>21</v>
      </c>
      <c r="F45" s="79" t="s">
        <v>22</v>
      </c>
      <c r="G45" s="95">
        <v>2</v>
      </c>
      <c r="H45" s="81">
        <v>45182</v>
      </c>
      <c r="I45" s="93" t="s">
        <v>145</v>
      </c>
      <c r="J45" s="83" t="s">
        <v>17</v>
      </c>
      <c r="K45" s="84">
        <v>45184</v>
      </c>
      <c r="L45" s="94" t="s">
        <v>147</v>
      </c>
      <c r="M45" s="95">
        <v>3</v>
      </c>
      <c r="N45" s="98" t="s">
        <v>150</v>
      </c>
      <c r="O45" s="76">
        <v>0.375</v>
      </c>
      <c r="P45" s="77" t="s">
        <v>17</v>
      </c>
      <c r="Q45" s="78">
        <v>0.73958333333333337</v>
      </c>
      <c r="R45" s="78" t="s">
        <v>150</v>
      </c>
      <c r="S45" s="97" t="s">
        <v>244</v>
      </c>
      <c r="T45" s="75" t="s">
        <v>97</v>
      </c>
      <c r="U45" s="79" t="s">
        <v>24</v>
      </c>
      <c r="V45" s="79" t="s">
        <v>18</v>
      </c>
      <c r="W45" s="79" t="s">
        <v>18</v>
      </c>
      <c r="X45" s="79" t="s">
        <v>18</v>
      </c>
      <c r="Y45" s="75" t="s">
        <v>96</v>
      </c>
    </row>
    <row r="46" spans="1:25" s="30" customFormat="1" ht="213.6" customHeight="1" x14ac:dyDescent="0.2">
      <c r="A46" s="8">
        <v>96</v>
      </c>
      <c r="B46" s="92" t="s">
        <v>20</v>
      </c>
      <c r="C46" s="80" t="s">
        <v>65</v>
      </c>
      <c r="D46" s="75" t="s">
        <v>245</v>
      </c>
      <c r="E46" s="79" t="s">
        <v>21</v>
      </c>
      <c r="F46" s="79" t="s">
        <v>22</v>
      </c>
      <c r="G46" s="95">
        <v>2</v>
      </c>
      <c r="H46" s="120">
        <v>45182</v>
      </c>
      <c r="I46" s="93" t="s">
        <v>145</v>
      </c>
      <c r="J46" s="83" t="s">
        <v>17</v>
      </c>
      <c r="K46" s="93">
        <v>45184</v>
      </c>
      <c r="L46" s="94" t="s">
        <v>159</v>
      </c>
      <c r="M46" s="121">
        <v>3</v>
      </c>
      <c r="N46" s="95" t="s">
        <v>150</v>
      </c>
      <c r="O46" s="76">
        <v>0.375</v>
      </c>
      <c r="P46" s="77" t="s">
        <v>17</v>
      </c>
      <c r="Q46" s="78">
        <v>0.73958333333333337</v>
      </c>
      <c r="R46" s="78" t="s">
        <v>150</v>
      </c>
      <c r="S46" s="122" t="s">
        <v>51</v>
      </c>
      <c r="T46" s="75" t="s">
        <v>27</v>
      </c>
      <c r="U46" s="79" t="s">
        <v>24</v>
      </c>
      <c r="V46" s="79" t="s">
        <v>18</v>
      </c>
      <c r="W46" s="79" t="s">
        <v>18</v>
      </c>
      <c r="X46" s="79" t="s">
        <v>18</v>
      </c>
      <c r="Y46" s="123" t="s">
        <v>96</v>
      </c>
    </row>
    <row r="47" spans="1:25" s="30" customFormat="1" ht="213.6" customHeight="1" x14ac:dyDescent="0.2">
      <c r="A47" s="8">
        <v>97</v>
      </c>
      <c r="B47" s="92" t="s">
        <v>20</v>
      </c>
      <c r="C47" s="80" t="s">
        <v>65</v>
      </c>
      <c r="D47" s="75" t="s">
        <v>246</v>
      </c>
      <c r="E47" s="79" t="s">
        <v>21</v>
      </c>
      <c r="F47" s="79" t="s">
        <v>22</v>
      </c>
      <c r="G47" s="95">
        <v>2</v>
      </c>
      <c r="H47" s="81">
        <v>45180</v>
      </c>
      <c r="I47" s="93" t="s">
        <v>34</v>
      </c>
      <c r="J47" s="83" t="s">
        <v>17</v>
      </c>
      <c r="K47" s="84">
        <v>45184</v>
      </c>
      <c r="L47" s="94" t="s">
        <v>247</v>
      </c>
      <c r="M47" s="95">
        <v>2</v>
      </c>
      <c r="N47" s="96" t="s">
        <v>248</v>
      </c>
      <c r="O47" s="76">
        <v>0.375</v>
      </c>
      <c r="P47" s="77" t="s">
        <v>17</v>
      </c>
      <c r="Q47" s="78">
        <v>0.73958333333333337</v>
      </c>
      <c r="R47" s="78" t="s">
        <v>150</v>
      </c>
      <c r="S47" s="97" t="s">
        <v>249</v>
      </c>
      <c r="T47" s="75" t="s">
        <v>250</v>
      </c>
      <c r="U47" s="79" t="s">
        <v>24</v>
      </c>
      <c r="V47" s="79" t="s">
        <v>18</v>
      </c>
      <c r="W47" s="79" t="s">
        <v>18</v>
      </c>
      <c r="X47" s="79" t="s">
        <v>18</v>
      </c>
      <c r="Y47" s="86" t="s">
        <v>150</v>
      </c>
    </row>
    <row r="48" spans="1:25" s="30" customFormat="1" ht="213.6" customHeight="1" x14ac:dyDescent="0.2">
      <c r="A48" s="8">
        <v>100</v>
      </c>
      <c r="B48" s="8" t="s">
        <v>20</v>
      </c>
      <c r="C48" s="9" t="s">
        <v>69</v>
      </c>
      <c r="D48" s="10" t="s">
        <v>251</v>
      </c>
      <c r="E48" s="11" t="s">
        <v>21</v>
      </c>
      <c r="F48" s="11" t="s">
        <v>74</v>
      </c>
      <c r="G48" s="13">
        <v>5</v>
      </c>
      <c r="H48" s="14">
        <v>45181</v>
      </c>
      <c r="I48" s="15" t="s">
        <v>155</v>
      </c>
      <c r="J48" s="16" t="s">
        <v>23</v>
      </c>
      <c r="K48" s="17">
        <v>45183</v>
      </c>
      <c r="L48" s="41" t="str">
        <f t="shared" ref="L48:L49" si="8">TEXT($K48,"(aaa)")</f>
        <v>(木)</v>
      </c>
      <c r="M48" s="19">
        <v>3</v>
      </c>
      <c r="N48" s="12" t="s">
        <v>150</v>
      </c>
      <c r="O48" s="88">
        <v>0.33333333333333331</v>
      </c>
      <c r="P48" s="21" t="s">
        <v>23</v>
      </c>
      <c r="Q48" s="89">
        <v>0.64583333333333337</v>
      </c>
      <c r="R48" s="12" t="s">
        <v>252</v>
      </c>
      <c r="S48" s="12" t="s">
        <v>104</v>
      </c>
      <c r="T48" s="10" t="s">
        <v>253</v>
      </c>
      <c r="U48" s="12" t="s">
        <v>254</v>
      </c>
      <c r="V48" s="11" t="s">
        <v>18</v>
      </c>
      <c r="W48" s="11" t="s">
        <v>18</v>
      </c>
      <c r="X48" s="11" t="s">
        <v>18</v>
      </c>
      <c r="Y48" s="12" t="s">
        <v>150</v>
      </c>
    </row>
    <row r="49" spans="1:25" s="30" customFormat="1" ht="213.6" customHeight="1" x14ac:dyDescent="0.2">
      <c r="A49" s="8">
        <v>101</v>
      </c>
      <c r="B49" s="8" t="s">
        <v>20</v>
      </c>
      <c r="C49" s="9" t="s">
        <v>69</v>
      </c>
      <c r="D49" s="10" t="s">
        <v>255</v>
      </c>
      <c r="E49" s="11" t="s">
        <v>21</v>
      </c>
      <c r="F49" s="11" t="s">
        <v>74</v>
      </c>
      <c r="G49" s="13">
        <v>5</v>
      </c>
      <c r="H49" s="14">
        <v>45181</v>
      </c>
      <c r="I49" s="15" t="s">
        <v>155</v>
      </c>
      <c r="J49" s="16" t="s">
        <v>23</v>
      </c>
      <c r="K49" s="17">
        <v>45183</v>
      </c>
      <c r="L49" s="41" t="str">
        <f t="shared" si="8"/>
        <v>(木)</v>
      </c>
      <c r="M49" s="19">
        <v>3</v>
      </c>
      <c r="N49" s="12" t="s">
        <v>150</v>
      </c>
      <c r="O49" s="88">
        <v>0.39583333333333331</v>
      </c>
      <c r="P49" s="21" t="s">
        <v>23</v>
      </c>
      <c r="Q49" s="89">
        <v>0.69791666666666663</v>
      </c>
      <c r="R49" s="12" t="s">
        <v>256</v>
      </c>
      <c r="S49" s="12" t="s">
        <v>104</v>
      </c>
      <c r="T49" s="10" t="s">
        <v>257</v>
      </c>
      <c r="U49" s="12" t="s">
        <v>254</v>
      </c>
      <c r="V49" s="11" t="s">
        <v>18</v>
      </c>
      <c r="W49" s="11" t="s">
        <v>18</v>
      </c>
      <c r="X49" s="11" t="s">
        <v>18</v>
      </c>
      <c r="Y49" s="12" t="s">
        <v>150</v>
      </c>
    </row>
    <row r="50" spans="1:25" s="30" customFormat="1" ht="213.6" customHeight="1" x14ac:dyDescent="0.2">
      <c r="A50" s="8">
        <v>102</v>
      </c>
      <c r="B50" s="8" t="s">
        <v>20</v>
      </c>
      <c r="C50" s="9" t="s">
        <v>69</v>
      </c>
      <c r="D50" s="10" t="s">
        <v>258</v>
      </c>
      <c r="E50" s="11" t="s">
        <v>21</v>
      </c>
      <c r="F50" s="11" t="s">
        <v>74</v>
      </c>
      <c r="G50" s="13">
        <v>1</v>
      </c>
      <c r="H50" s="14">
        <v>45181</v>
      </c>
      <c r="I50" s="15" t="s">
        <v>155</v>
      </c>
      <c r="J50" s="16" t="s">
        <v>23</v>
      </c>
      <c r="K50" s="17">
        <v>45183</v>
      </c>
      <c r="L50" s="18" t="str">
        <f>TEXT($K50,"(aaa)")</f>
        <v>(木)</v>
      </c>
      <c r="M50" s="19">
        <v>3</v>
      </c>
      <c r="N50" s="12" t="s">
        <v>150</v>
      </c>
      <c r="O50" s="88">
        <v>0.375</v>
      </c>
      <c r="P50" s="21" t="s">
        <v>23</v>
      </c>
      <c r="Q50" s="89">
        <v>0.73958333333333337</v>
      </c>
      <c r="R50" s="12" t="s">
        <v>259</v>
      </c>
      <c r="S50" s="12" t="s">
        <v>260</v>
      </c>
      <c r="T50" s="10" t="s">
        <v>102</v>
      </c>
      <c r="U50" s="12" t="s">
        <v>72</v>
      </c>
      <c r="V50" s="11"/>
      <c r="W50" s="11"/>
      <c r="X50" s="11"/>
      <c r="Y50" s="12" t="s">
        <v>150</v>
      </c>
    </row>
    <row r="51" spans="1:25" s="30" customFormat="1" ht="213.6" customHeight="1" x14ac:dyDescent="0.2">
      <c r="A51" s="8">
        <v>103</v>
      </c>
      <c r="B51" s="8" t="s">
        <v>20</v>
      </c>
      <c r="C51" s="9" t="s">
        <v>69</v>
      </c>
      <c r="D51" s="10" t="s">
        <v>261</v>
      </c>
      <c r="E51" s="11" t="s">
        <v>21</v>
      </c>
      <c r="F51" s="11" t="s">
        <v>74</v>
      </c>
      <c r="G51" s="13">
        <v>1</v>
      </c>
      <c r="H51" s="14">
        <v>45181</v>
      </c>
      <c r="I51" s="15" t="s">
        <v>155</v>
      </c>
      <c r="J51" s="16" t="s">
        <v>23</v>
      </c>
      <c r="K51" s="17">
        <v>45183</v>
      </c>
      <c r="L51" s="18" t="str">
        <f>TEXT($K51,"(aaa)")</f>
        <v>(木)</v>
      </c>
      <c r="M51" s="19">
        <v>3</v>
      </c>
      <c r="N51" s="12" t="s">
        <v>150</v>
      </c>
      <c r="O51" s="88">
        <v>0.33333333333333331</v>
      </c>
      <c r="P51" s="21" t="s">
        <v>23</v>
      </c>
      <c r="Q51" s="89">
        <v>0.69791666666666663</v>
      </c>
      <c r="R51" s="12" t="s">
        <v>262</v>
      </c>
      <c r="S51" s="12" t="s">
        <v>101</v>
      </c>
      <c r="T51" s="10" t="s">
        <v>103</v>
      </c>
      <c r="U51" s="12" t="s">
        <v>72</v>
      </c>
      <c r="V51" s="11"/>
      <c r="W51" s="11"/>
      <c r="X51" s="11"/>
      <c r="Y51" s="12" t="s">
        <v>150</v>
      </c>
    </row>
    <row r="52" spans="1:25" s="30" customFormat="1" ht="213.6" customHeight="1" x14ac:dyDescent="0.2">
      <c r="A52" s="8">
        <v>104</v>
      </c>
      <c r="B52" s="8" t="s">
        <v>20</v>
      </c>
      <c r="C52" s="9" t="s">
        <v>69</v>
      </c>
      <c r="D52" s="10" t="s">
        <v>263</v>
      </c>
      <c r="E52" s="11" t="s">
        <v>21</v>
      </c>
      <c r="F52" s="11" t="s">
        <v>74</v>
      </c>
      <c r="G52" s="13">
        <v>2</v>
      </c>
      <c r="H52" s="14">
        <v>45181</v>
      </c>
      <c r="I52" s="15" t="s">
        <v>155</v>
      </c>
      <c r="J52" s="16" t="s">
        <v>23</v>
      </c>
      <c r="K52" s="17">
        <v>45184</v>
      </c>
      <c r="L52" s="18" t="str">
        <f>TEXT($K52,"(aaa)")</f>
        <v>(金)</v>
      </c>
      <c r="M52" s="19">
        <v>3</v>
      </c>
      <c r="N52" s="12" t="s">
        <v>264</v>
      </c>
      <c r="O52" s="88">
        <v>0.33333333333333331</v>
      </c>
      <c r="P52" s="21" t="s">
        <v>23</v>
      </c>
      <c r="Q52" s="89">
        <v>0.69791666666666663</v>
      </c>
      <c r="R52" s="12" t="s">
        <v>265</v>
      </c>
      <c r="S52" s="12" t="s">
        <v>266</v>
      </c>
      <c r="T52" s="10" t="s">
        <v>103</v>
      </c>
      <c r="U52" s="12" t="s">
        <v>72</v>
      </c>
      <c r="V52" s="11"/>
      <c r="W52" s="11"/>
      <c r="X52" s="11"/>
      <c r="Y52" s="12" t="s">
        <v>150</v>
      </c>
    </row>
    <row r="53" spans="1:25" s="30" customFormat="1" ht="213.6" customHeight="1" x14ac:dyDescent="0.2">
      <c r="A53" s="8">
        <v>105</v>
      </c>
      <c r="B53" s="8" t="s">
        <v>20</v>
      </c>
      <c r="C53" s="9" t="s">
        <v>69</v>
      </c>
      <c r="D53" s="10" t="s">
        <v>267</v>
      </c>
      <c r="E53" s="11" t="s">
        <v>21</v>
      </c>
      <c r="F53" s="11" t="s">
        <v>74</v>
      </c>
      <c r="G53" s="13">
        <v>2</v>
      </c>
      <c r="H53" s="14">
        <v>45181</v>
      </c>
      <c r="I53" s="15" t="s">
        <v>155</v>
      </c>
      <c r="J53" s="16" t="s">
        <v>23</v>
      </c>
      <c r="K53" s="17">
        <v>45183</v>
      </c>
      <c r="L53" s="18" t="str">
        <f>TEXT($K53,"(aaa)")</f>
        <v>(木)</v>
      </c>
      <c r="M53" s="19">
        <v>3</v>
      </c>
      <c r="N53" s="12" t="s">
        <v>150</v>
      </c>
      <c r="O53" s="88">
        <v>0.39583333333333331</v>
      </c>
      <c r="P53" s="21" t="s">
        <v>23</v>
      </c>
      <c r="Q53" s="89">
        <v>0.66666666666666663</v>
      </c>
      <c r="R53" s="12" t="s">
        <v>268</v>
      </c>
      <c r="S53" s="12" t="s">
        <v>269</v>
      </c>
      <c r="T53" s="10" t="s">
        <v>270</v>
      </c>
      <c r="U53" s="12" t="s">
        <v>72</v>
      </c>
      <c r="V53" s="11"/>
      <c r="W53" s="11"/>
      <c r="X53" s="11"/>
      <c r="Y53" s="12" t="s">
        <v>156</v>
      </c>
    </row>
    <row r="54" spans="1:25" s="30" customFormat="1" ht="213.6" customHeight="1" x14ac:dyDescent="0.2">
      <c r="A54" s="8">
        <v>107</v>
      </c>
      <c r="B54" s="8" t="s">
        <v>20</v>
      </c>
      <c r="C54" s="9" t="s">
        <v>70</v>
      </c>
      <c r="D54" s="10" t="s">
        <v>105</v>
      </c>
      <c r="E54" s="11" t="s">
        <v>21</v>
      </c>
      <c r="F54" s="12" t="s">
        <v>271</v>
      </c>
      <c r="G54" s="91">
        <v>4</v>
      </c>
      <c r="H54" s="14">
        <v>45181</v>
      </c>
      <c r="I54" s="41" t="str">
        <f>TEXT(H54,"(aaa)")</f>
        <v>(火)</v>
      </c>
      <c r="J54" s="16" t="s">
        <v>23</v>
      </c>
      <c r="K54" s="17">
        <v>45183</v>
      </c>
      <c r="L54" s="74" t="str">
        <f>TEXT(K54,"(aaa)")</f>
        <v>(木)</v>
      </c>
      <c r="M54" s="19">
        <v>3</v>
      </c>
      <c r="N54" s="22" t="s">
        <v>150</v>
      </c>
      <c r="O54" s="88">
        <v>0.33333333333333331</v>
      </c>
      <c r="P54" s="21" t="s">
        <v>17</v>
      </c>
      <c r="Q54" s="89">
        <v>0.69791666666666663</v>
      </c>
      <c r="R54" s="89" t="s">
        <v>150</v>
      </c>
      <c r="S54" s="42" t="s">
        <v>106</v>
      </c>
      <c r="T54" s="10" t="s">
        <v>107</v>
      </c>
      <c r="U54" s="12" t="s">
        <v>272</v>
      </c>
      <c r="V54" s="11" t="s">
        <v>18</v>
      </c>
      <c r="W54" s="11" t="s">
        <v>18</v>
      </c>
      <c r="X54" s="11" t="s">
        <v>18</v>
      </c>
      <c r="Y54" s="10" t="s">
        <v>273</v>
      </c>
    </row>
    <row r="55" spans="1:25" s="30" customFormat="1" ht="213.6" customHeight="1" x14ac:dyDescent="0.2">
      <c r="A55" s="8">
        <v>110</v>
      </c>
      <c r="B55" s="24" t="s">
        <v>20</v>
      </c>
      <c r="C55" s="24" t="s">
        <v>44</v>
      </c>
      <c r="D55" s="23" t="s">
        <v>62</v>
      </c>
      <c r="E55" s="24" t="s">
        <v>21</v>
      </c>
      <c r="F55" s="24" t="s">
        <v>22</v>
      </c>
      <c r="G55" s="31">
        <v>6</v>
      </c>
      <c r="H55" s="14">
        <v>45181</v>
      </c>
      <c r="I55" s="15" t="s">
        <v>155</v>
      </c>
      <c r="J55" s="16" t="s">
        <v>17</v>
      </c>
      <c r="K55" s="17">
        <v>45182</v>
      </c>
      <c r="L55" s="18" t="s">
        <v>145</v>
      </c>
      <c r="M55" s="31">
        <v>2</v>
      </c>
      <c r="N55" s="22" t="s">
        <v>150</v>
      </c>
      <c r="O55" s="88">
        <v>0.33333333333333331</v>
      </c>
      <c r="P55" s="21" t="s">
        <v>17</v>
      </c>
      <c r="Q55" s="89">
        <v>0.69791666666666663</v>
      </c>
      <c r="R55" s="89" t="s">
        <v>150</v>
      </c>
      <c r="S55" s="42" t="s">
        <v>274</v>
      </c>
      <c r="T55" s="23" t="s">
        <v>275</v>
      </c>
      <c r="U55" s="24" t="s">
        <v>16</v>
      </c>
      <c r="V55" s="11" t="s">
        <v>18</v>
      </c>
      <c r="W55" s="11" t="s">
        <v>18</v>
      </c>
      <c r="X55" s="11" t="s">
        <v>18</v>
      </c>
      <c r="Y55" s="12" t="s">
        <v>150</v>
      </c>
    </row>
    <row r="56" spans="1:25" s="30" customFormat="1" ht="213.6" customHeight="1" x14ac:dyDescent="0.2">
      <c r="A56" s="8">
        <v>111</v>
      </c>
      <c r="B56" s="24" t="s">
        <v>20</v>
      </c>
      <c r="C56" s="24" t="s">
        <v>70</v>
      </c>
      <c r="D56" s="23" t="s">
        <v>276</v>
      </c>
      <c r="E56" s="24" t="s">
        <v>86</v>
      </c>
      <c r="F56" s="24" t="s">
        <v>90</v>
      </c>
      <c r="G56" s="31">
        <v>2</v>
      </c>
      <c r="H56" s="14">
        <v>45181</v>
      </c>
      <c r="I56" s="15" t="s">
        <v>155</v>
      </c>
      <c r="J56" s="16" t="s">
        <v>17</v>
      </c>
      <c r="K56" s="17">
        <v>45182</v>
      </c>
      <c r="L56" s="18" t="s">
        <v>145</v>
      </c>
      <c r="M56" s="31">
        <v>2</v>
      </c>
      <c r="N56" s="22" t="s">
        <v>150</v>
      </c>
      <c r="O56" s="88">
        <v>0.33333333333333331</v>
      </c>
      <c r="P56" s="21" t="s">
        <v>17</v>
      </c>
      <c r="Q56" s="89">
        <v>0.69791666666666663</v>
      </c>
      <c r="R56" s="89" t="s">
        <v>150</v>
      </c>
      <c r="S56" s="42" t="s">
        <v>274</v>
      </c>
      <c r="T56" s="23" t="s">
        <v>277</v>
      </c>
      <c r="U56" s="24" t="s">
        <v>72</v>
      </c>
      <c r="V56" s="11" t="s">
        <v>18</v>
      </c>
      <c r="W56" s="11" t="s">
        <v>18</v>
      </c>
      <c r="X56" s="11" t="s">
        <v>18</v>
      </c>
      <c r="Y56" s="12" t="s">
        <v>150</v>
      </c>
    </row>
    <row r="57" spans="1:25" s="30" customFormat="1" ht="213.6" customHeight="1" x14ac:dyDescent="0.2">
      <c r="A57" s="8">
        <v>113</v>
      </c>
      <c r="B57" s="8" t="s">
        <v>15</v>
      </c>
      <c r="C57" s="9" t="s">
        <v>66</v>
      </c>
      <c r="D57" s="10" t="s">
        <v>108</v>
      </c>
      <c r="E57" s="11" t="s">
        <v>21</v>
      </c>
      <c r="F57" s="12" t="s">
        <v>90</v>
      </c>
      <c r="G57" s="19">
        <v>4</v>
      </c>
      <c r="H57" s="14">
        <v>45180</v>
      </c>
      <c r="I57" s="41" t="str">
        <f t="shared" ref="I57" si="9">TEXT($H57,"(aaa)")</f>
        <v>(月)</v>
      </c>
      <c r="J57" s="16" t="s">
        <v>23</v>
      </c>
      <c r="K57" s="17">
        <v>45181</v>
      </c>
      <c r="L57" s="41" t="str">
        <f t="shared" ref="L57" si="10">TEXT($K57,"(aaa)")</f>
        <v>(火)</v>
      </c>
      <c r="M57" s="19">
        <v>2</v>
      </c>
      <c r="N57" s="20" t="s">
        <v>286</v>
      </c>
      <c r="O57" s="88">
        <v>0.41666666666666669</v>
      </c>
      <c r="P57" s="21" t="s">
        <v>17</v>
      </c>
      <c r="Q57" s="89">
        <v>0.70833333333333337</v>
      </c>
      <c r="R57" s="89" t="s">
        <v>150</v>
      </c>
      <c r="S57" s="87" t="s">
        <v>154</v>
      </c>
      <c r="T57" s="10" t="s">
        <v>142</v>
      </c>
      <c r="U57" s="12" t="s">
        <v>90</v>
      </c>
      <c r="V57" s="11" t="s">
        <v>18</v>
      </c>
      <c r="W57" s="11" t="s">
        <v>18</v>
      </c>
      <c r="X57" s="11"/>
      <c r="Y57" s="12" t="s">
        <v>150</v>
      </c>
    </row>
    <row r="58" spans="1:25" s="30" customFormat="1" ht="213.6" customHeight="1" x14ac:dyDescent="0.2">
      <c r="A58" s="8">
        <v>123</v>
      </c>
      <c r="B58" s="8" t="s">
        <v>28</v>
      </c>
      <c r="C58" s="8" t="s">
        <v>278</v>
      </c>
      <c r="D58" s="90" t="s">
        <v>279</v>
      </c>
      <c r="E58" s="11" t="s">
        <v>16</v>
      </c>
      <c r="F58" s="12" t="s">
        <v>109</v>
      </c>
      <c r="G58" s="13">
        <v>2</v>
      </c>
      <c r="H58" s="14">
        <v>45183</v>
      </c>
      <c r="I58" s="41" t="str">
        <f t="shared" ref="I58:I59" si="11">TEXT($H58,"(aaa)")</f>
        <v>(木)</v>
      </c>
      <c r="J58" s="16" t="s">
        <v>23</v>
      </c>
      <c r="K58" s="17">
        <v>45184</v>
      </c>
      <c r="L58" s="41" t="str">
        <f t="shared" ref="L58:L59" si="12">TEXT($K58,"(aaa)")</f>
        <v>(金)</v>
      </c>
      <c r="M58" s="19">
        <v>2</v>
      </c>
      <c r="N58" s="12" t="s">
        <v>150</v>
      </c>
      <c r="O58" s="88">
        <v>0.41666666666666669</v>
      </c>
      <c r="P58" s="21" t="s">
        <v>23</v>
      </c>
      <c r="Q58" s="89">
        <v>0.78125</v>
      </c>
      <c r="R58" s="12" t="s">
        <v>150</v>
      </c>
      <c r="S58" s="12" t="s">
        <v>280</v>
      </c>
      <c r="T58" s="10" t="s">
        <v>281</v>
      </c>
      <c r="U58" s="12" t="s">
        <v>72</v>
      </c>
      <c r="V58" s="11" t="s">
        <v>18</v>
      </c>
      <c r="W58" s="11" t="s">
        <v>18</v>
      </c>
      <c r="X58" s="11" t="s">
        <v>18</v>
      </c>
      <c r="Y58" s="12" t="s">
        <v>150</v>
      </c>
    </row>
    <row r="59" spans="1:25" s="30" customFormat="1" ht="213.6" customHeight="1" x14ac:dyDescent="0.2">
      <c r="A59" s="8">
        <v>124</v>
      </c>
      <c r="B59" s="8" t="s">
        <v>28</v>
      </c>
      <c r="C59" s="8" t="s">
        <v>278</v>
      </c>
      <c r="D59" s="90" t="s">
        <v>282</v>
      </c>
      <c r="E59" s="11" t="s">
        <v>16</v>
      </c>
      <c r="F59" s="12" t="s">
        <v>109</v>
      </c>
      <c r="G59" s="13">
        <v>4</v>
      </c>
      <c r="H59" s="14">
        <v>45183</v>
      </c>
      <c r="I59" s="15" t="str">
        <f t="shared" si="11"/>
        <v>(木)</v>
      </c>
      <c r="J59" s="16" t="s">
        <v>23</v>
      </c>
      <c r="K59" s="17">
        <v>45184</v>
      </c>
      <c r="L59" s="15" t="str">
        <f t="shared" si="12"/>
        <v>(金)</v>
      </c>
      <c r="M59" s="19">
        <v>2</v>
      </c>
      <c r="N59" s="12" t="s">
        <v>150</v>
      </c>
      <c r="O59" s="88">
        <v>0.41666666666666669</v>
      </c>
      <c r="P59" s="21" t="s">
        <v>17</v>
      </c>
      <c r="Q59" s="89">
        <v>0.78125</v>
      </c>
      <c r="R59" s="12" t="s">
        <v>150</v>
      </c>
      <c r="S59" s="12" t="s">
        <v>280</v>
      </c>
      <c r="T59" s="10" t="s">
        <v>283</v>
      </c>
      <c r="U59" s="12" t="s">
        <v>72</v>
      </c>
      <c r="V59" s="11" t="s">
        <v>18</v>
      </c>
      <c r="W59" s="11" t="s">
        <v>18</v>
      </c>
      <c r="X59" s="11" t="s">
        <v>18</v>
      </c>
      <c r="Y59" s="12" t="s">
        <v>150</v>
      </c>
    </row>
  </sheetData>
  <autoFilter ref="A2:Y59" xr:uid="{00000000-0009-0000-0000-000000000000}">
    <filterColumn colId="7" showButton="0"/>
    <filterColumn colId="10" showButton="0"/>
    <filterColumn colId="14" showButton="0"/>
    <filterColumn colId="15" showButton="0"/>
  </autoFilter>
  <mergeCells count="4">
    <mergeCell ref="A1:Y1"/>
    <mergeCell ref="O2:Q2"/>
    <mergeCell ref="H2:I2"/>
    <mergeCell ref="K2:L2"/>
  </mergeCells>
  <phoneticPr fontId="5"/>
  <pageMargins left="0.7" right="0.7" top="0.75" bottom="0.75" header="0.3" footer="0.3"/>
  <pageSetup paperSize="8" scale="74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14">
        <x14:dataValidation type="list" allowBlank="1" showInputMessage="1" showErrorMessage="1" xr:uid="{00000000-0002-0000-0000-000000000000}">
          <x14:formula1>
            <xm:f>'\\gesui.local\fs\20施設管理部\2011管理課\01庶務係\令和5年度\05_人事担当（機密A）\17_インターンシップ\01_受入可能職場の調査\03_各課回答\[【施設保全課回答】03-1_【第１ターム】都庁インターンシップ2023実習部署調査票.xlsx]コード'!#REF!</xm:f>
          </x14:formula1>
          <xm:sqref>V21:X21</xm:sqref>
        </x14:dataValidation>
        <x14:dataValidation type="list" allowBlank="1" showInputMessage="1" showErrorMessage="1" xr:uid="{00000000-0002-0000-0000-000001000000}">
          <x14:formula1>
            <xm:f>'C:\Users\T0533900\AppData\Local\Microsoft\Windows\INetCache\Content.Outlook\AJUZTJAI\[（都安部）02_【生文ス局】都庁インターンシップ2023実習部署調査票_ (002).xlsx]コード'!#REF!</xm:f>
          </x14:formula1>
          <xm:sqref>E26 V26:X26 B26:C26</xm:sqref>
        </x14:dataValidation>
        <x14:dataValidation type="list" allowBlank="1" showInputMessage="1" showErrorMessage="1" xr:uid="{00000000-0002-0000-0000-000002000000}">
          <x14:formula1>
            <xm:f>'\\10.224.61.10\総務部\職員課\職員課共有\26　インターンシップ\R5年度\令和5年度都庁インターンシップ\20230406_受入職場の設定等について\11_各部所より回答\建築部\[【建築部・再提出】04_都庁インターンシップ2023実習部署調査票.xlsx]コード'!#REF!</xm:f>
          </x14:formula1>
          <xm:sqref>B33:C33 V33:X33 E33</xm:sqref>
        </x14:dataValidation>
        <x14:dataValidation type="list" allowBlank="1" showInputMessage="1" showErrorMessage="1" xr:uid="{00000000-0002-0000-0000-000003000000}">
          <x14:formula1>
            <xm:f>'[【企画課】都庁インターンシップ2022実習部署調査票 .xlsx]コード'!#REF!</xm:f>
          </x14:formula1>
          <xm:sqref>B32:C32 V32:X32 E32</xm:sqref>
        </x14:dataValidation>
        <x14:dataValidation type="list" allowBlank="1" showInputMessage="1" showErrorMessage="1" xr:uid="{00000000-0002-0000-0000-000004000000}">
          <x14:formula1>
            <xm:f>'\\10.224.61.10\総務部\職員課\職員課共有\26　インターンシップ\R5年度\令和5年度都庁インターンシップ\20230406_受入職場の設定等について\11_各部所より回答\基盤部\[230426【基盤部】04_都庁インターンシップ2023実習部署調査票.xlsx]コード'!#REF!</xm:f>
          </x14:formula1>
          <xm:sqref>V30:X31 B30:C31 E30:E31</xm:sqref>
        </x14:dataValidation>
        <x14:dataValidation type="list" allowBlank="1" showInputMessage="1" showErrorMessage="1" xr:uid="{00000000-0002-0000-0000-000005000000}">
          <x14:formula1>
            <xm:f>'\\10.224.61.10\総務部\職員課\職員課共有\26　インターンシップ\R5年度\令和5年度都庁インターンシップ\20230406_受入職場の設定等について\11_各部所より回答\一整\[04_都庁インターンシップ2023実習部署調査票_ （一整）.xlsx]コード'!#REF!</xm:f>
          </x14:formula1>
          <xm:sqref>B34:C34 E34 V34:X34</xm:sqref>
        </x14:dataValidation>
        <x14:dataValidation type="list" allowBlank="1" showInputMessage="1" showErrorMessage="1" xr:uid="{00000000-0002-0000-0000-000006000000}">
          <x14:formula1>
            <xm:f>'\\10.224.61.10\総務部\職員課\職員課共有\26　インターンシップ\R5年度\令和5年度都庁インターンシップ\20230406_受入職場の設定等について\11_各部所より回答\二整\[（二整）04_都庁インターンシップ2023実習部署調査票_.xlsx]コード'!#REF!</xm:f>
          </x14:formula1>
          <xm:sqref>B35:C35 E35</xm:sqref>
        </x14:dataValidation>
        <x14:dataValidation type="list" allowBlank="1" showInputMessage="1" showErrorMessage="1" xr:uid="{00000000-0002-0000-0000-000007000000}">
          <x14:formula1>
            <xm:f>'\\10.224.251.10\b-40 採用班\■採用事務\インターンシップ制度\★R05実施★\02_実習部署調査\08_各局から校正OK\10_住政局●\[（校正確認用）都庁インターンシップ2023実習部署調査票（住政修正）.xlsx]コード'!#REF!</xm:f>
          </x14:formula1>
          <xm:sqref>B36:C36 V36:X36 E36</xm:sqref>
        </x14:dataValidation>
        <x14:dataValidation type="list" allowBlank="1" showInputMessage="1" showErrorMessage="1" xr:uid="{00000000-0002-0000-0000-000008000000}">
          <x14:formula1>
            <xm:f>'\\10.224.251.10\b-40 採用班\■採用事務\インターンシップ制度\★R05実施★\02_実習部署調査\08_各局から校正OK\16_港湾局○\[（校正確認用）【港湾局】04_都庁インターンシップ2023実習部署調査票 .xlsx]コード'!#REF!</xm:f>
          </x14:formula1>
          <xm:sqref>V48:X53 E48:E53</xm:sqref>
        </x14:dataValidation>
        <x14:dataValidation type="list" allowBlank="1" showInputMessage="1" showErrorMessage="1" xr:uid="{00000000-0002-0000-0000-000009000000}">
          <x14:formula1>
            <xm:f>'N:\人事課\人事担当\人材育成担当\○年度別フォルダ\R05\06 新規採用職員\04 インターンシップ\01 人事部インターンシップ\03 各部から回答\06 車電部○\[04_都庁インターンシップ2023実習部署調査票【車両電気部】.xlsx]コード'!#REF!</xm:f>
          </x14:formula1>
          <xm:sqref>B54:C54 E54</xm:sqref>
        </x14:dataValidation>
        <x14:dataValidation type="list" allowBlank="1" showInputMessage="1" showErrorMessage="1" xr:uid="{00000000-0002-0000-0000-00000A000000}">
          <x14:formula1>
            <xm:f>'\\10.224.32.2\11-40_総務部デジタル人材戦略課\03_ICT人材採用担当\20_採用イベント関連業務\10_都庁インターンシップ対応\R5\10_受入調査\20230418_推進部から回答\[（推進部）【デジICT】04_都庁インターンシップ2023実習部署調査票 .xlsx]コード'!#REF!</xm:f>
          </x14:formula1>
          <xm:sqref>B58 E58</xm:sqref>
        </x14:dataValidation>
        <x14:dataValidation type="list" allowBlank="1" showInputMessage="1" showErrorMessage="1" xr:uid="{00000000-0002-0000-0000-00000B000000}">
          <x14:formula1>
            <xm:f>'\\gesui.local\fs\20施設管理部\2011管理課\01庶務係\令和5年度\05_人事担当（機密A）\17_インターンシップ\01_受入可能職場の調査\04_回答\[03-1_【第１ターム】都庁インターンシップ2023実習部署調査票.xlsx]コード'!#REF!</xm:f>
          </x14:formula1>
          <xm:sqref>B19:C21 E19:E21</xm:sqref>
        </x14:dataValidation>
        <x14:dataValidation type="list" allowBlank="1" showInputMessage="1" showErrorMessage="1" xr:uid="{00000000-0002-0000-0000-00000C000000}">
          <x14:formula1>
            <xm:f>'\\gesui.local\fs\20施設管理部\2011管理課\01庶務係\令和5年度\05_人事担当（機密A）\17_インターンシップ\01_受入可能職場の調査\03_各課回答\[（管路管理課）03-1_【第１ターム】都庁インターンシップ2023実習部署調査票.xlsx]コード'!#REF!</xm:f>
          </x14:formula1>
          <xm:sqref>V19:X20</xm:sqref>
        </x14:dataValidation>
        <x14:dataValidation type="list" allowBlank="1" showInputMessage="1" showErrorMessage="1" xr:uid="{00000000-0002-0000-0000-00000D000000}">
          <x14:formula1>
            <xm:f>'\\10.224.251.10\b-40 採用班\■採用事務\インターンシップ制度\★R05実施★\02_実習部署調査\08_各局から校正OK\19_水道局●\[（校正確認用）【水道局】04_都庁インターンシップ2023実習部署調査票.xlsx]コード'!#REF!</xm:f>
          </x14:formula1>
          <xm:sqref>E3:E14 V3:X14 B3:C14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技術職 第2ターム</vt:lpstr>
      <vt:lpstr>'技術職 第2ターム'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水嶋 麻貴</cp:lastModifiedBy>
  <cp:lastPrinted>2023-05-12T09:38:20Z</cp:lastPrinted>
  <dcterms:created xsi:type="dcterms:W3CDTF">2019-04-19T06:42:41Z</dcterms:created>
  <dcterms:modified xsi:type="dcterms:W3CDTF">2023-05-15T07:17:59Z</dcterms:modified>
</cp:coreProperties>
</file>